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59" r:id="rId3"/>
    <p:sldId id="260" r:id="rId4"/>
  </p:sldIdLst>
  <p:sldSz cx="12192000" cy="6858000"/>
  <p:notesSz cx="6858000" cy="9144000"/>
  <p:defaultTextStyle>
    <a:defPPr>
      <a:defRPr lang="pt-B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EB1B39A-8B78-4EF6-9E90-15E139A13B62}" v="1042" dt="2020-08-19T13:28:55.88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67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10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aniel Vasques" userId="6c60a0849e65eb85" providerId="LiveId" clId="{5EB1B39A-8B78-4EF6-9E90-15E139A13B62}"/>
    <pc:docChg chg="custSel modSld">
      <pc:chgData name="Daniel Vasques" userId="6c60a0849e65eb85" providerId="LiveId" clId="{5EB1B39A-8B78-4EF6-9E90-15E139A13B62}" dt="2020-08-19T13:28:55.887" v="773"/>
      <pc:docMkLst>
        <pc:docMk/>
      </pc:docMkLst>
      <pc:sldChg chg="modSp mod">
        <pc:chgData name="Daniel Vasques" userId="6c60a0849e65eb85" providerId="LiveId" clId="{5EB1B39A-8B78-4EF6-9E90-15E139A13B62}" dt="2020-08-19T13:28:22.124" v="181"/>
        <pc:sldMkLst>
          <pc:docMk/>
          <pc:sldMk cId="1487880600" sldId="257"/>
        </pc:sldMkLst>
        <pc:spChg chg="mod">
          <ac:chgData name="Daniel Vasques" userId="6c60a0849e65eb85" providerId="LiveId" clId="{5EB1B39A-8B78-4EF6-9E90-15E139A13B62}" dt="2020-08-19T13:28:21.701" v="3"/>
          <ac:spMkLst>
            <pc:docMk/>
            <pc:sldMk cId="1487880600" sldId="257"/>
            <ac:spMk id="2" creationId="{E823DFA7-4DC8-4D08-BF37-CAF5740975FD}"/>
          </ac:spMkLst>
        </pc:spChg>
        <pc:spChg chg="mod">
          <ac:chgData name="Daniel Vasques" userId="6c60a0849e65eb85" providerId="LiveId" clId="{5EB1B39A-8B78-4EF6-9E90-15E139A13B62}" dt="2020-08-19T13:28:21.706" v="7"/>
          <ac:spMkLst>
            <pc:docMk/>
            <pc:sldMk cId="1487880600" sldId="257"/>
            <ac:spMk id="3" creationId="{9A7DA23D-0E6F-40FF-B589-71FDC5A06A83}"/>
          </ac:spMkLst>
        </pc:spChg>
        <pc:spChg chg="mod">
          <ac:chgData name="Daniel Vasques" userId="6c60a0849e65eb85" providerId="LiveId" clId="{5EB1B39A-8B78-4EF6-9E90-15E139A13B62}" dt="2020-08-19T13:28:21.708" v="8"/>
          <ac:spMkLst>
            <pc:docMk/>
            <pc:sldMk cId="1487880600" sldId="257"/>
            <ac:spMk id="4" creationId="{02002DC3-2B9F-4A31-BEAE-1329BBE3DC7A}"/>
          </ac:spMkLst>
        </pc:spChg>
        <pc:spChg chg="mod">
          <ac:chgData name="Daniel Vasques" userId="6c60a0849e65eb85" providerId="LiveId" clId="{5EB1B39A-8B78-4EF6-9E90-15E139A13B62}" dt="2020-08-19T13:28:21.712" v="10"/>
          <ac:spMkLst>
            <pc:docMk/>
            <pc:sldMk cId="1487880600" sldId="257"/>
            <ac:spMk id="5" creationId="{DD8717BB-415F-4B7C-B349-1D67CE0B1150}"/>
          </ac:spMkLst>
        </pc:spChg>
        <pc:spChg chg="mod">
          <ac:chgData name="Daniel Vasques" userId="6c60a0849e65eb85" providerId="LiveId" clId="{5EB1B39A-8B78-4EF6-9E90-15E139A13B62}" dt="2020-08-19T13:28:21.722" v="15"/>
          <ac:spMkLst>
            <pc:docMk/>
            <pc:sldMk cId="1487880600" sldId="257"/>
            <ac:spMk id="8" creationId="{73E4579F-7170-4B2C-A8E3-F771D4817F3E}"/>
          </ac:spMkLst>
        </pc:spChg>
        <pc:spChg chg="mod">
          <ac:chgData name="Daniel Vasques" userId="6c60a0849e65eb85" providerId="LiveId" clId="{5EB1B39A-8B78-4EF6-9E90-15E139A13B62}" dt="2020-08-19T13:28:21.728" v="19"/>
          <ac:spMkLst>
            <pc:docMk/>
            <pc:sldMk cId="1487880600" sldId="257"/>
            <ac:spMk id="10" creationId="{0FD633CF-4464-4888-A269-51348984AB11}"/>
          </ac:spMkLst>
        </pc:spChg>
        <pc:spChg chg="mod">
          <ac:chgData name="Daniel Vasques" userId="6c60a0849e65eb85" providerId="LiveId" clId="{5EB1B39A-8B78-4EF6-9E90-15E139A13B62}" dt="2020-08-19T13:28:21.715" v="11"/>
          <ac:spMkLst>
            <pc:docMk/>
            <pc:sldMk cId="1487880600" sldId="257"/>
            <ac:spMk id="26" creationId="{4A6C48D0-4131-4619-B037-DFD86B4D2203}"/>
          </ac:spMkLst>
        </pc:spChg>
        <pc:spChg chg="mod">
          <ac:chgData name="Daniel Vasques" userId="6c60a0849e65eb85" providerId="LiveId" clId="{5EB1B39A-8B78-4EF6-9E90-15E139A13B62}" dt="2020-08-19T13:28:21.736" v="23"/>
          <ac:spMkLst>
            <pc:docMk/>
            <pc:sldMk cId="1487880600" sldId="257"/>
            <ac:spMk id="36" creationId="{6215A0E5-9A60-4416-ADE0-659491C7215E}"/>
          </ac:spMkLst>
        </pc:spChg>
        <pc:spChg chg="mod">
          <ac:chgData name="Daniel Vasques" userId="6c60a0849e65eb85" providerId="LiveId" clId="{5EB1B39A-8B78-4EF6-9E90-15E139A13B62}" dt="2020-08-19T13:28:21.741" v="27"/>
          <ac:spMkLst>
            <pc:docMk/>
            <pc:sldMk cId="1487880600" sldId="257"/>
            <ac:spMk id="38" creationId="{F8C37710-6214-4D26-8140-1706DD0E321E}"/>
          </ac:spMkLst>
        </pc:spChg>
        <pc:spChg chg="mod">
          <ac:chgData name="Daniel Vasques" userId="6c60a0849e65eb85" providerId="LiveId" clId="{5EB1B39A-8B78-4EF6-9E90-15E139A13B62}" dt="2020-08-19T13:28:21.748" v="31"/>
          <ac:spMkLst>
            <pc:docMk/>
            <pc:sldMk cId="1487880600" sldId="257"/>
            <ac:spMk id="40" creationId="{CC88B527-00CC-4957-B0FF-AB4FBE2173FD}"/>
          </ac:spMkLst>
        </pc:spChg>
        <pc:spChg chg="mod">
          <ac:chgData name="Daniel Vasques" userId="6c60a0849e65eb85" providerId="LiveId" clId="{5EB1B39A-8B78-4EF6-9E90-15E139A13B62}" dt="2020-08-19T13:28:21.782" v="52"/>
          <ac:spMkLst>
            <pc:docMk/>
            <pc:sldMk cId="1487880600" sldId="257"/>
            <ac:spMk id="51" creationId="{B8515703-CB47-456C-93A0-DB22D38D661C}"/>
          </ac:spMkLst>
        </pc:spChg>
        <pc:spChg chg="mod">
          <ac:chgData name="Daniel Vasques" userId="6c60a0849e65eb85" providerId="LiveId" clId="{5EB1B39A-8B78-4EF6-9E90-15E139A13B62}" dt="2020-08-19T13:28:21.784" v="53"/>
          <ac:spMkLst>
            <pc:docMk/>
            <pc:sldMk cId="1487880600" sldId="257"/>
            <ac:spMk id="52" creationId="{1D967938-093E-49FB-97B7-6A4496871D38}"/>
          </ac:spMkLst>
        </pc:spChg>
        <pc:spChg chg="mod">
          <ac:chgData name="Daniel Vasques" userId="6c60a0849e65eb85" providerId="LiveId" clId="{5EB1B39A-8B78-4EF6-9E90-15E139A13B62}" dt="2020-08-19T13:28:21.792" v="57"/>
          <ac:spMkLst>
            <pc:docMk/>
            <pc:sldMk cId="1487880600" sldId="257"/>
            <ac:spMk id="57" creationId="{0B6471FA-6C5C-49A8-8C87-2A7584217174}"/>
          </ac:spMkLst>
        </pc:spChg>
        <pc:spChg chg="mod">
          <ac:chgData name="Daniel Vasques" userId="6c60a0849e65eb85" providerId="LiveId" clId="{5EB1B39A-8B78-4EF6-9E90-15E139A13B62}" dt="2020-08-19T13:28:21.795" v="59"/>
          <ac:spMkLst>
            <pc:docMk/>
            <pc:sldMk cId="1487880600" sldId="257"/>
            <ac:spMk id="58" creationId="{9BF65BAE-362B-41EA-B3B3-CEE9128C59FE}"/>
          </ac:spMkLst>
        </pc:spChg>
        <pc:spChg chg="mod">
          <ac:chgData name="Daniel Vasques" userId="6c60a0849e65eb85" providerId="LiveId" clId="{5EB1B39A-8B78-4EF6-9E90-15E139A13B62}" dt="2020-08-19T13:28:21.800" v="60"/>
          <ac:spMkLst>
            <pc:docMk/>
            <pc:sldMk cId="1487880600" sldId="257"/>
            <ac:spMk id="59" creationId="{CB520BE8-6F6F-4D4B-A524-2610FEB10800}"/>
          </ac:spMkLst>
        </pc:spChg>
        <pc:spChg chg="mod">
          <ac:chgData name="Daniel Vasques" userId="6c60a0849e65eb85" providerId="LiveId" clId="{5EB1B39A-8B78-4EF6-9E90-15E139A13B62}" dt="2020-08-19T13:28:21.802" v="61"/>
          <ac:spMkLst>
            <pc:docMk/>
            <pc:sldMk cId="1487880600" sldId="257"/>
            <ac:spMk id="60" creationId="{C5E8AC3D-7061-45D5-A58C-F5D0D0C0F7E3}"/>
          </ac:spMkLst>
        </pc:spChg>
        <pc:spChg chg="mod">
          <ac:chgData name="Daniel Vasques" userId="6c60a0849e65eb85" providerId="LiveId" clId="{5EB1B39A-8B78-4EF6-9E90-15E139A13B62}" dt="2020-08-19T13:28:21.811" v="65"/>
          <ac:spMkLst>
            <pc:docMk/>
            <pc:sldMk cId="1487880600" sldId="257"/>
            <ac:spMk id="65" creationId="{ED7809C0-FA2D-4BD7-9F7C-73AC42CC8B59}"/>
          </ac:spMkLst>
        </pc:spChg>
        <pc:spChg chg="mod">
          <ac:chgData name="Daniel Vasques" userId="6c60a0849e65eb85" providerId="LiveId" clId="{5EB1B39A-8B78-4EF6-9E90-15E139A13B62}" dt="2020-08-19T13:28:21.883" v="77"/>
          <ac:spMkLst>
            <pc:docMk/>
            <pc:sldMk cId="1487880600" sldId="257"/>
            <ac:spMk id="66" creationId="{ED68046D-C429-4618-AA2C-20917015FC13}"/>
          </ac:spMkLst>
        </pc:spChg>
        <pc:spChg chg="mod">
          <ac:chgData name="Daniel Vasques" userId="6c60a0849e65eb85" providerId="LiveId" clId="{5EB1B39A-8B78-4EF6-9E90-15E139A13B62}" dt="2020-08-19T13:28:21.885" v="78"/>
          <ac:spMkLst>
            <pc:docMk/>
            <pc:sldMk cId="1487880600" sldId="257"/>
            <ac:spMk id="67" creationId="{A1142CDA-4B52-422A-B981-CA00D94C67EB}"/>
          </ac:spMkLst>
        </pc:spChg>
        <pc:spChg chg="mod">
          <ac:chgData name="Daniel Vasques" userId="6c60a0849e65eb85" providerId="LiveId" clId="{5EB1B39A-8B78-4EF6-9E90-15E139A13B62}" dt="2020-08-19T13:28:21.887" v="79"/>
          <ac:spMkLst>
            <pc:docMk/>
            <pc:sldMk cId="1487880600" sldId="257"/>
            <ac:spMk id="68" creationId="{EF38607D-BF01-4618-9689-5A291F0A4124}"/>
          </ac:spMkLst>
        </pc:spChg>
        <pc:spChg chg="mod">
          <ac:chgData name="Daniel Vasques" userId="6c60a0849e65eb85" providerId="LiveId" clId="{5EB1B39A-8B78-4EF6-9E90-15E139A13B62}" dt="2020-08-19T13:28:21.898" v="83"/>
          <ac:spMkLst>
            <pc:docMk/>
            <pc:sldMk cId="1487880600" sldId="257"/>
            <ac:spMk id="73" creationId="{2C565144-4F21-4FFB-9355-51542407EE42}"/>
          </ac:spMkLst>
        </pc:spChg>
        <pc:spChg chg="mod">
          <ac:chgData name="Daniel Vasques" userId="6c60a0849e65eb85" providerId="LiveId" clId="{5EB1B39A-8B78-4EF6-9E90-15E139A13B62}" dt="2020-08-19T13:28:21.901" v="85"/>
          <ac:spMkLst>
            <pc:docMk/>
            <pc:sldMk cId="1487880600" sldId="257"/>
            <ac:spMk id="74" creationId="{1C41FAA3-7147-4954-A075-CA4767C057A9}"/>
          </ac:spMkLst>
        </pc:spChg>
        <pc:spChg chg="mod">
          <ac:chgData name="Daniel Vasques" userId="6c60a0849e65eb85" providerId="LiveId" clId="{5EB1B39A-8B78-4EF6-9E90-15E139A13B62}" dt="2020-08-19T13:28:21.903" v="86"/>
          <ac:spMkLst>
            <pc:docMk/>
            <pc:sldMk cId="1487880600" sldId="257"/>
            <ac:spMk id="75" creationId="{7342D88B-24A6-4C79-B05C-983CC5417820}"/>
          </ac:spMkLst>
        </pc:spChg>
        <pc:spChg chg="mod">
          <ac:chgData name="Daniel Vasques" userId="6c60a0849e65eb85" providerId="LiveId" clId="{5EB1B39A-8B78-4EF6-9E90-15E139A13B62}" dt="2020-08-19T13:28:21.905" v="87"/>
          <ac:spMkLst>
            <pc:docMk/>
            <pc:sldMk cId="1487880600" sldId="257"/>
            <ac:spMk id="76" creationId="{534E02DE-9ECA-4B3D-A342-12E0DAA7888A}"/>
          </ac:spMkLst>
        </pc:spChg>
        <pc:spChg chg="mod">
          <ac:chgData name="Daniel Vasques" userId="6c60a0849e65eb85" providerId="LiveId" clId="{5EB1B39A-8B78-4EF6-9E90-15E139A13B62}" dt="2020-08-19T13:28:21.917" v="91"/>
          <ac:spMkLst>
            <pc:docMk/>
            <pc:sldMk cId="1487880600" sldId="257"/>
            <ac:spMk id="81" creationId="{C7564C4A-8F0B-4556-A56D-DA5B8B765728}"/>
          </ac:spMkLst>
        </pc:spChg>
        <pc:spChg chg="mod">
          <ac:chgData name="Daniel Vasques" userId="6c60a0849e65eb85" providerId="LiveId" clId="{5EB1B39A-8B78-4EF6-9E90-15E139A13B62}" dt="2020-08-19T13:28:21.941" v="103"/>
          <ac:spMkLst>
            <pc:docMk/>
            <pc:sldMk cId="1487880600" sldId="257"/>
            <ac:spMk id="82" creationId="{157A01E3-B36A-4E51-838E-42B60849DB13}"/>
          </ac:spMkLst>
        </pc:spChg>
        <pc:spChg chg="mod">
          <ac:chgData name="Daniel Vasques" userId="6c60a0849e65eb85" providerId="LiveId" clId="{5EB1B39A-8B78-4EF6-9E90-15E139A13B62}" dt="2020-08-19T13:28:21.943" v="104"/>
          <ac:spMkLst>
            <pc:docMk/>
            <pc:sldMk cId="1487880600" sldId="257"/>
            <ac:spMk id="83" creationId="{42BEC7FE-905B-4610-9C3F-892E4DC77FF0}"/>
          </ac:spMkLst>
        </pc:spChg>
        <pc:spChg chg="mod">
          <ac:chgData name="Daniel Vasques" userId="6c60a0849e65eb85" providerId="LiveId" clId="{5EB1B39A-8B78-4EF6-9E90-15E139A13B62}" dt="2020-08-19T13:28:21.945" v="105"/>
          <ac:spMkLst>
            <pc:docMk/>
            <pc:sldMk cId="1487880600" sldId="257"/>
            <ac:spMk id="84" creationId="{67E13F89-F875-4760-AB64-A4ACB516A7D5}"/>
          </ac:spMkLst>
        </pc:spChg>
        <pc:spChg chg="mod">
          <ac:chgData name="Daniel Vasques" userId="6c60a0849e65eb85" providerId="LiveId" clId="{5EB1B39A-8B78-4EF6-9E90-15E139A13B62}" dt="2020-08-19T13:28:21.955" v="109"/>
          <ac:spMkLst>
            <pc:docMk/>
            <pc:sldMk cId="1487880600" sldId="257"/>
            <ac:spMk id="89" creationId="{124A28DF-1ECC-4448-BC36-054A86E58815}"/>
          </ac:spMkLst>
        </pc:spChg>
        <pc:spChg chg="mod">
          <ac:chgData name="Daniel Vasques" userId="6c60a0849e65eb85" providerId="LiveId" clId="{5EB1B39A-8B78-4EF6-9E90-15E139A13B62}" dt="2020-08-19T13:28:21.957" v="111"/>
          <ac:spMkLst>
            <pc:docMk/>
            <pc:sldMk cId="1487880600" sldId="257"/>
            <ac:spMk id="90" creationId="{D4BC08DB-2A1D-4866-B26A-799DD6C4055E}"/>
          </ac:spMkLst>
        </pc:spChg>
        <pc:spChg chg="mod">
          <ac:chgData name="Daniel Vasques" userId="6c60a0849e65eb85" providerId="LiveId" clId="{5EB1B39A-8B78-4EF6-9E90-15E139A13B62}" dt="2020-08-19T13:28:21.959" v="112"/>
          <ac:spMkLst>
            <pc:docMk/>
            <pc:sldMk cId="1487880600" sldId="257"/>
            <ac:spMk id="91" creationId="{6856E962-71CF-4EC8-8A92-5579D71C449D}"/>
          </ac:spMkLst>
        </pc:spChg>
        <pc:spChg chg="mod">
          <ac:chgData name="Daniel Vasques" userId="6c60a0849e65eb85" providerId="LiveId" clId="{5EB1B39A-8B78-4EF6-9E90-15E139A13B62}" dt="2020-08-19T13:28:21.962" v="113"/>
          <ac:spMkLst>
            <pc:docMk/>
            <pc:sldMk cId="1487880600" sldId="257"/>
            <ac:spMk id="92" creationId="{3094BC37-72F7-4E62-9F77-18DAAF52CD46}"/>
          </ac:spMkLst>
        </pc:spChg>
        <pc:spChg chg="mod">
          <ac:chgData name="Daniel Vasques" userId="6c60a0849e65eb85" providerId="LiveId" clId="{5EB1B39A-8B78-4EF6-9E90-15E139A13B62}" dt="2020-08-19T13:28:21.973" v="117"/>
          <ac:spMkLst>
            <pc:docMk/>
            <pc:sldMk cId="1487880600" sldId="257"/>
            <ac:spMk id="97" creationId="{2621BCBA-645D-419E-A4F3-7B2DC7C59C84}"/>
          </ac:spMkLst>
        </pc:spChg>
        <pc:spChg chg="mod">
          <ac:chgData name="Daniel Vasques" userId="6c60a0849e65eb85" providerId="LiveId" clId="{5EB1B39A-8B78-4EF6-9E90-15E139A13B62}" dt="2020-08-19T13:28:21.999" v="129"/>
          <ac:spMkLst>
            <pc:docMk/>
            <pc:sldMk cId="1487880600" sldId="257"/>
            <ac:spMk id="98" creationId="{9FE8CBA4-39DA-40C3-B15B-884316E7FFBE}"/>
          </ac:spMkLst>
        </pc:spChg>
        <pc:spChg chg="mod">
          <ac:chgData name="Daniel Vasques" userId="6c60a0849e65eb85" providerId="LiveId" clId="{5EB1B39A-8B78-4EF6-9E90-15E139A13B62}" dt="2020-08-19T13:28:22" v="130"/>
          <ac:spMkLst>
            <pc:docMk/>
            <pc:sldMk cId="1487880600" sldId="257"/>
            <ac:spMk id="99" creationId="{58C606EE-9933-4960-B923-3840D0E2C0B9}"/>
          </ac:spMkLst>
        </pc:spChg>
        <pc:spChg chg="mod">
          <ac:chgData name="Daniel Vasques" userId="6c60a0849e65eb85" providerId="LiveId" clId="{5EB1B39A-8B78-4EF6-9E90-15E139A13B62}" dt="2020-08-19T13:28:22.003" v="131"/>
          <ac:spMkLst>
            <pc:docMk/>
            <pc:sldMk cId="1487880600" sldId="257"/>
            <ac:spMk id="100" creationId="{E8E1E218-A839-4914-A324-14AC76003A38}"/>
          </ac:spMkLst>
        </pc:spChg>
        <pc:spChg chg="mod">
          <ac:chgData name="Daniel Vasques" userId="6c60a0849e65eb85" providerId="LiveId" clId="{5EB1B39A-8B78-4EF6-9E90-15E139A13B62}" dt="2020-08-19T13:28:22.012" v="135"/>
          <ac:spMkLst>
            <pc:docMk/>
            <pc:sldMk cId="1487880600" sldId="257"/>
            <ac:spMk id="105" creationId="{CDAE3972-73BD-4C3E-81DF-597A5768F434}"/>
          </ac:spMkLst>
        </pc:spChg>
        <pc:spChg chg="mod">
          <ac:chgData name="Daniel Vasques" userId="6c60a0849e65eb85" providerId="LiveId" clId="{5EB1B39A-8B78-4EF6-9E90-15E139A13B62}" dt="2020-08-19T13:28:22.016" v="137"/>
          <ac:spMkLst>
            <pc:docMk/>
            <pc:sldMk cId="1487880600" sldId="257"/>
            <ac:spMk id="106" creationId="{D2F63DDD-1755-4E27-96D3-CDFCE3F9230C}"/>
          </ac:spMkLst>
        </pc:spChg>
        <pc:spChg chg="mod">
          <ac:chgData name="Daniel Vasques" userId="6c60a0849e65eb85" providerId="LiveId" clId="{5EB1B39A-8B78-4EF6-9E90-15E139A13B62}" dt="2020-08-19T13:28:22.018" v="138"/>
          <ac:spMkLst>
            <pc:docMk/>
            <pc:sldMk cId="1487880600" sldId="257"/>
            <ac:spMk id="107" creationId="{D734BEB9-9717-4CA9-A4E9-CAEA219C0E3D}"/>
          </ac:spMkLst>
        </pc:spChg>
        <pc:spChg chg="mod">
          <ac:chgData name="Daniel Vasques" userId="6c60a0849e65eb85" providerId="LiveId" clId="{5EB1B39A-8B78-4EF6-9E90-15E139A13B62}" dt="2020-08-19T13:28:22.021" v="139"/>
          <ac:spMkLst>
            <pc:docMk/>
            <pc:sldMk cId="1487880600" sldId="257"/>
            <ac:spMk id="108" creationId="{E6556EE6-4FE3-4145-A986-3BFBC0754B5D}"/>
          </ac:spMkLst>
        </pc:spChg>
        <pc:spChg chg="mod">
          <ac:chgData name="Daniel Vasques" userId="6c60a0849e65eb85" providerId="LiveId" clId="{5EB1B39A-8B78-4EF6-9E90-15E139A13B62}" dt="2020-08-19T13:28:22.034" v="143"/>
          <ac:spMkLst>
            <pc:docMk/>
            <pc:sldMk cId="1487880600" sldId="257"/>
            <ac:spMk id="113" creationId="{8D13D0D6-196D-4EF2-B0AC-3D20249DD5B2}"/>
          </ac:spMkLst>
        </pc:spChg>
        <pc:spChg chg="mod">
          <ac:chgData name="Daniel Vasques" userId="6c60a0849e65eb85" providerId="LiveId" clId="{5EB1B39A-8B78-4EF6-9E90-15E139A13B62}" dt="2020-08-19T13:28:22.057" v="155"/>
          <ac:spMkLst>
            <pc:docMk/>
            <pc:sldMk cId="1487880600" sldId="257"/>
            <ac:spMk id="114" creationId="{F01CA4F6-7C54-4621-B8F8-ECC282CDFB65}"/>
          </ac:spMkLst>
        </pc:spChg>
        <pc:spChg chg="mod">
          <ac:chgData name="Daniel Vasques" userId="6c60a0849e65eb85" providerId="LiveId" clId="{5EB1B39A-8B78-4EF6-9E90-15E139A13B62}" dt="2020-08-19T13:28:22.058" v="156"/>
          <ac:spMkLst>
            <pc:docMk/>
            <pc:sldMk cId="1487880600" sldId="257"/>
            <ac:spMk id="115" creationId="{CBA00676-384B-456E-A7EA-3A05873C5A51}"/>
          </ac:spMkLst>
        </pc:spChg>
        <pc:spChg chg="mod">
          <ac:chgData name="Daniel Vasques" userId="6c60a0849e65eb85" providerId="LiveId" clId="{5EB1B39A-8B78-4EF6-9E90-15E139A13B62}" dt="2020-08-19T13:28:22.061" v="157"/>
          <ac:spMkLst>
            <pc:docMk/>
            <pc:sldMk cId="1487880600" sldId="257"/>
            <ac:spMk id="116" creationId="{5BFB4963-2B97-415B-A94B-144EDBFD9D16}"/>
          </ac:spMkLst>
        </pc:spChg>
        <pc:spChg chg="mod">
          <ac:chgData name="Daniel Vasques" userId="6c60a0849e65eb85" providerId="LiveId" clId="{5EB1B39A-8B78-4EF6-9E90-15E139A13B62}" dt="2020-08-19T13:28:22.073" v="161"/>
          <ac:spMkLst>
            <pc:docMk/>
            <pc:sldMk cId="1487880600" sldId="257"/>
            <ac:spMk id="121" creationId="{E49252D9-3B51-4CFE-9265-E208F88EE734}"/>
          </ac:spMkLst>
        </pc:spChg>
        <pc:spChg chg="mod">
          <ac:chgData name="Daniel Vasques" userId="6c60a0849e65eb85" providerId="LiveId" clId="{5EB1B39A-8B78-4EF6-9E90-15E139A13B62}" dt="2020-08-19T13:28:22.076" v="163"/>
          <ac:spMkLst>
            <pc:docMk/>
            <pc:sldMk cId="1487880600" sldId="257"/>
            <ac:spMk id="122" creationId="{383ECECB-8470-4828-B1C8-7FEC954587DA}"/>
          </ac:spMkLst>
        </pc:spChg>
        <pc:spChg chg="mod">
          <ac:chgData name="Daniel Vasques" userId="6c60a0849e65eb85" providerId="LiveId" clId="{5EB1B39A-8B78-4EF6-9E90-15E139A13B62}" dt="2020-08-19T13:28:22.080" v="164"/>
          <ac:spMkLst>
            <pc:docMk/>
            <pc:sldMk cId="1487880600" sldId="257"/>
            <ac:spMk id="123" creationId="{45E68E41-9B48-492E-B7A2-62A63C76D298}"/>
          </ac:spMkLst>
        </pc:spChg>
        <pc:spChg chg="mod">
          <ac:chgData name="Daniel Vasques" userId="6c60a0849e65eb85" providerId="LiveId" clId="{5EB1B39A-8B78-4EF6-9E90-15E139A13B62}" dt="2020-08-19T13:28:22.084" v="165"/>
          <ac:spMkLst>
            <pc:docMk/>
            <pc:sldMk cId="1487880600" sldId="257"/>
            <ac:spMk id="124" creationId="{1D7EE891-D076-4B9E-B64B-A6B5969E8E48}"/>
          </ac:spMkLst>
        </pc:spChg>
        <pc:spChg chg="mod">
          <ac:chgData name="Daniel Vasques" userId="6c60a0849e65eb85" providerId="LiveId" clId="{5EB1B39A-8B78-4EF6-9E90-15E139A13B62}" dt="2020-08-19T13:28:22.095" v="169"/>
          <ac:spMkLst>
            <pc:docMk/>
            <pc:sldMk cId="1487880600" sldId="257"/>
            <ac:spMk id="129" creationId="{6D43016E-0D27-47AE-A840-042EAFBC992D}"/>
          </ac:spMkLst>
        </pc:spChg>
        <pc:spChg chg="mod">
          <ac:chgData name="Daniel Vasques" userId="6c60a0849e65eb85" providerId="LiveId" clId="{5EB1B39A-8B78-4EF6-9E90-15E139A13B62}" dt="2020-08-19T13:28:22.124" v="181"/>
          <ac:spMkLst>
            <pc:docMk/>
            <pc:sldMk cId="1487880600" sldId="257"/>
            <ac:spMk id="130" creationId="{E7C7D9BC-8B3D-4349-B6FB-16A37D00AF92}"/>
          </ac:spMkLst>
        </pc:spChg>
        <pc:cxnChg chg="mod">
          <ac:chgData name="Daniel Vasques" userId="6c60a0849e65eb85" providerId="LiveId" clId="{5EB1B39A-8B78-4EF6-9E90-15E139A13B62}" dt="2020-08-19T13:28:21.754" v="35"/>
          <ac:cxnSpMkLst>
            <pc:docMk/>
            <pc:sldMk cId="1487880600" sldId="257"/>
            <ac:cxnSpMk id="42" creationId="{DDC3BD96-ECA7-404D-BABD-45C2EB231548}"/>
          </ac:cxnSpMkLst>
        </pc:cxnChg>
        <pc:cxnChg chg="mod">
          <ac:chgData name="Daniel Vasques" userId="6c60a0849e65eb85" providerId="LiveId" clId="{5EB1B39A-8B78-4EF6-9E90-15E139A13B62}" dt="2020-08-19T13:28:21.760" v="39"/>
          <ac:cxnSpMkLst>
            <pc:docMk/>
            <pc:sldMk cId="1487880600" sldId="257"/>
            <ac:cxnSpMk id="44" creationId="{8E13946C-2657-4A91-9CB8-DBAF487C8B46}"/>
          </ac:cxnSpMkLst>
        </pc:cxnChg>
        <pc:cxnChg chg="mod">
          <ac:chgData name="Daniel Vasques" userId="6c60a0849e65eb85" providerId="LiveId" clId="{5EB1B39A-8B78-4EF6-9E90-15E139A13B62}" dt="2020-08-19T13:28:21.768" v="43"/>
          <ac:cxnSpMkLst>
            <pc:docMk/>
            <pc:sldMk cId="1487880600" sldId="257"/>
            <ac:cxnSpMk id="46" creationId="{E95EADA6-D739-4AAE-B05A-CBCF6DED15A6}"/>
          </ac:cxnSpMkLst>
        </pc:cxnChg>
        <pc:cxnChg chg="mod">
          <ac:chgData name="Daniel Vasques" userId="6c60a0849e65eb85" providerId="LiveId" clId="{5EB1B39A-8B78-4EF6-9E90-15E139A13B62}" dt="2020-08-19T13:28:21.773" v="47"/>
          <ac:cxnSpMkLst>
            <pc:docMk/>
            <pc:sldMk cId="1487880600" sldId="257"/>
            <ac:cxnSpMk id="48" creationId="{360CA38B-527E-4B9E-8AFC-690D3D241367}"/>
          </ac:cxnSpMkLst>
        </pc:cxnChg>
        <pc:cxnChg chg="mod">
          <ac:chgData name="Daniel Vasques" userId="6c60a0849e65eb85" providerId="LiveId" clId="{5EB1B39A-8B78-4EF6-9E90-15E139A13B62}" dt="2020-08-19T13:28:21.780" v="51"/>
          <ac:cxnSpMkLst>
            <pc:docMk/>
            <pc:sldMk cId="1487880600" sldId="257"/>
            <ac:cxnSpMk id="50" creationId="{2A697577-4A97-41C3-9A3E-1434AC430D3D}"/>
          </ac:cxnSpMkLst>
        </pc:cxnChg>
      </pc:sldChg>
      <pc:sldChg chg="addSp delSp modSp mod">
        <pc:chgData name="Daniel Vasques" userId="6c60a0849e65eb85" providerId="LiveId" clId="{5EB1B39A-8B78-4EF6-9E90-15E139A13B62}" dt="2020-08-19T13:28:55.887" v="773"/>
        <pc:sldMkLst>
          <pc:docMk/>
          <pc:sldMk cId="2311717667" sldId="259"/>
        </pc:sldMkLst>
        <pc:spChg chg="mod ord">
          <ac:chgData name="Daniel Vasques" userId="6c60a0849e65eb85" providerId="LiveId" clId="{5EB1B39A-8B78-4EF6-9E90-15E139A13B62}" dt="2020-08-19T13:28:55.605" v="641"/>
          <ac:spMkLst>
            <pc:docMk/>
            <pc:sldMk cId="2311717667" sldId="259"/>
            <ac:spMk id="2" creationId="{9744909D-A9EE-43CB-BDD5-B0C612E623E9}"/>
          </ac:spMkLst>
        </pc:spChg>
        <pc:spChg chg="mod ord">
          <ac:chgData name="Daniel Vasques" userId="6c60a0849e65eb85" providerId="LiveId" clId="{5EB1B39A-8B78-4EF6-9E90-15E139A13B62}" dt="2020-08-19T13:28:55.610" v="645"/>
          <ac:spMkLst>
            <pc:docMk/>
            <pc:sldMk cId="2311717667" sldId="259"/>
            <ac:spMk id="3" creationId="{FE523257-C440-4E64-B45C-3C6CF67E4CAB}"/>
          </ac:spMkLst>
        </pc:spChg>
        <pc:spChg chg="mod">
          <ac:chgData name="Daniel Vasques" userId="6c60a0849e65eb85" providerId="LiveId" clId="{5EB1B39A-8B78-4EF6-9E90-15E139A13B62}" dt="2020-08-19T13:28:55.619" v="649"/>
          <ac:spMkLst>
            <pc:docMk/>
            <pc:sldMk cId="2311717667" sldId="259"/>
            <ac:spMk id="6" creationId="{56448421-DB32-4EBC-B1B1-F221898303BE}"/>
          </ac:spMkLst>
        </pc:spChg>
        <pc:spChg chg="mod ord">
          <ac:chgData name="Daniel Vasques" userId="6c60a0849e65eb85" providerId="LiveId" clId="{5EB1B39A-8B78-4EF6-9E90-15E139A13B62}" dt="2020-08-19T13:28:44.938" v="465"/>
          <ac:spMkLst>
            <pc:docMk/>
            <pc:sldMk cId="2311717667" sldId="259"/>
            <ac:spMk id="7" creationId="{38182C99-58C7-4B63-BC97-81DC35D72A5A}"/>
          </ac:spMkLst>
        </pc:spChg>
        <pc:spChg chg="mod ord">
          <ac:chgData name="Daniel Vasques" userId="6c60a0849e65eb85" providerId="LiveId" clId="{5EB1B39A-8B78-4EF6-9E90-15E139A13B62}" dt="2020-08-19T13:28:55.625" v="653"/>
          <ac:spMkLst>
            <pc:docMk/>
            <pc:sldMk cId="2311717667" sldId="259"/>
            <ac:spMk id="8" creationId="{8D8D81FB-EF4B-437A-AD25-3C0F42FCAB5F}"/>
          </ac:spMkLst>
        </pc:spChg>
        <pc:spChg chg="mod ord">
          <ac:chgData name="Daniel Vasques" userId="6c60a0849e65eb85" providerId="LiveId" clId="{5EB1B39A-8B78-4EF6-9E90-15E139A13B62}" dt="2020-08-19T13:28:44.994" v="517"/>
          <ac:spMkLst>
            <pc:docMk/>
            <pc:sldMk cId="2311717667" sldId="259"/>
            <ac:spMk id="17" creationId="{340A1AC1-EEA1-43C4-AC66-04F4DD4B6199}"/>
          </ac:spMkLst>
        </pc:spChg>
        <pc:spChg chg="mod ord">
          <ac:chgData name="Daniel Vasques" userId="6c60a0849e65eb85" providerId="LiveId" clId="{5EB1B39A-8B78-4EF6-9E90-15E139A13B62}" dt="2020-08-19T13:28:44.996" v="519"/>
          <ac:spMkLst>
            <pc:docMk/>
            <pc:sldMk cId="2311717667" sldId="259"/>
            <ac:spMk id="18" creationId="{CE64A5AB-32A4-438E-A77C-75FBA124980F}"/>
          </ac:spMkLst>
        </pc:spChg>
        <pc:spChg chg="mod ord">
          <ac:chgData name="Daniel Vasques" userId="6c60a0849e65eb85" providerId="LiveId" clId="{5EB1B39A-8B78-4EF6-9E90-15E139A13B62}" dt="2020-08-19T13:28:45" v="521"/>
          <ac:spMkLst>
            <pc:docMk/>
            <pc:sldMk cId="2311717667" sldId="259"/>
            <ac:spMk id="19" creationId="{2A1ABC66-B8CF-4C17-992D-6DA2AE89B67D}"/>
          </ac:spMkLst>
        </pc:spChg>
        <pc:spChg chg="mod ord">
          <ac:chgData name="Daniel Vasques" userId="6c60a0849e65eb85" providerId="LiveId" clId="{5EB1B39A-8B78-4EF6-9E90-15E139A13B62}" dt="2020-08-19T13:28:45.002" v="523"/>
          <ac:spMkLst>
            <pc:docMk/>
            <pc:sldMk cId="2311717667" sldId="259"/>
            <ac:spMk id="20" creationId="{255D9169-C804-41DB-A4CA-7ECE653A1EA5}"/>
          </ac:spMkLst>
        </pc:spChg>
        <pc:spChg chg="mod ord">
          <ac:chgData name="Daniel Vasques" userId="6c60a0849e65eb85" providerId="LiveId" clId="{5EB1B39A-8B78-4EF6-9E90-15E139A13B62}" dt="2020-08-19T13:28:55.690" v="687"/>
          <ac:spMkLst>
            <pc:docMk/>
            <pc:sldMk cId="2311717667" sldId="259"/>
            <ac:spMk id="21" creationId="{855F8C2B-CF81-4DD7-A49E-7BFEB76B5C9C}"/>
          </ac:spMkLst>
        </pc:spChg>
        <pc:spChg chg="mod ord">
          <ac:chgData name="Daniel Vasques" userId="6c60a0849e65eb85" providerId="LiveId" clId="{5EB1B39A-8B78-4EF6-9E90-15E139A13B62}" dt="2020-08-19T13:28:55.693" v="689"/>
          <ac:spMkLst>
            <pc:docMk/>
            <pc:sldMk cId="2311717667" sldId="259"/>
            <ac:spMk id="22" creationId="{F911D087-6743-4BCD-847D-E55CE26D9304}"/>
          </ac:spMkLst>
        </pc:spChg>
        <pc:spChg chg="mod ord">
          <ac:chgData name="Daniel Vasques" userId="6c60a0849e65eb85" providerId="LiveId" clId="{5EB1B39A-8B78-4EF6-9E90-15E139A13B62}" dt="2020-08-19T13:28:45.007" v="529"/>
          <ac:spMkLst>
            <pc:docMk/>
            <pc:sldMk cId="2311717667" sldId="259"/>
            <ac:spMk id="25" creationId="{7F6B5312-795B-4F9D-BC9B-91E2BD5AAE72}"/>
          </ac:spMkLst>
        </pc:spChg>
        <pc:spChg chg="mod ord">
          <ac:chgData name="Daniel Vasques" userId="6c60a0849e65eb85" providerId="LiveId" clId="{5EB1B39A-8B78-4EF6-9E90-15E139A13B62}" dt="2020-08-19T13:28:45.009" v="531"/>
          <ac:spMkLst>
            <pc:docMk/>
            <pc:sldMk cId="2311717667" sldId="259"/>
            <ac:spMk id="26" creationId="{9B51A950-49F6-4C8F-8B15-45289DFD8C47}"/>
          </ac:spMkLst>
        </pc:spChg>
        <pc:spChg chg="mod ord">
          <ac:chgData name="Daniel Vasques" userId="6c60a0849e65eb85" providerId="LiveId" clId="{5EB1B39A-8B78-4EF6-9E90-15E139A13B62}" dt="2020-08-19T13:28:45.010" v="533"/>
          <ac:spMkLst>
            <pc:docMk/>
            <pc:sldMk cId="2311717667" sldId="259"/>
            <ac:spMk id="27" creationId="{BE21E126-1889-4920-9CED-D8CDA0D676B4}"/>
          </ac:spMkLst>
        </pc:spChg>
        <pc:spChg chg="mod ord">
          <ac:chgData name="Daniel Vasques" userId="6c60a0849e65eb85" providerId="LiveId" clId="{5EB1B39A-8B78-4EF6-9E90-15E139A13B62}" dt="2020-08-19T13:28:45.012" v="535"/>
          <ac:spMkLst>
            <pc:docMk/>
            <pc:sldMk cId="2311717667" sldId="259"/>
            <ac:spMk id="28" creationId="{0A1E2680-387E-4056-BD25-20D4DE6A23B7}"/>
          </ac:spMkLst>
        </pc:spChg>
        <pc:spChg chg="mod ord">
          <ac:chgData name="Daniel Vasques" userId="6c60a0849e65eb85" providerId="LiveId" clId="{5EB1B39A-8B78-4EF6-9E90-15E139A13B62}" dt="2020-08-19T13:28:55.705" v="695"/>
          <ac:spMkLst>
            <pc:docMk/>
            <pc:sldMk cId="2311717667" sldId="259"/>
            <ac:spMk id="29" creationId="{93A82944-7073-43B0-B88D-DEB0DA81D87D}"/>
          </ac:spMkLst>
        </pc:spChg>
        <pc:spChg chg="mod ord">
          <ac:chgData name="Daniel Vasques" userId="6c60a0849e65eb85" providerId="LiveId" clId="{5EB1B39A-8B78-4EF6-9E90-15E139A13B62}" dt="2020-08-19T13:28:55.727" v="707"/>
          <ac:spMkLst>
            <pc:docMk/>
            <pc:sldMk cId="2311717667" sldId="259"/>
            <ac:spMk id="30" creationId="{CD38E01E-E5CE-4B0D-8814-ADEA3DD8D6BB}"/>
          </ac:spMkLst>
        </pc:spChg>
        <pc:spChg chg="mod ord">
          <ac:chgData name="Daniel Vasques" userId="6c60a0849e65eb85" providerId="LiveId" clId="{5EB1B39A-8B78-4EF6-9E90-15E139A13B62}" dt="2020-08-19T13:28:45.019" v="541"/>
          <ac:spMkLst>
            <pc:docMk/>
            <pc:sldMk cId="2311717667" sldId="259"/>
            <ac:spMk id="33" creationId="{835CF059-8C85-49E6-AE0C-BDADD94FA671}"/>
          </ac:spMkLst>
        </pc:spChg>
        <pc:spChg chg="mod ord">
          <ac:chgData name="Daniel Vasques" userId="6c60a0849e65eb85" providerId="LiveId" clId="{5EB1B39A-8B78-4EF6-9E90-15E139A13B62}" dt="2020-08-19T13:28:45.021" v="543"/>
          <ac:spMkLst>
            <pc:docMk/>
            <pc:sldMk cId="2311717667" sldId="259"/>
            <ac:spMk id="34" creationId="{386C1425-F11F-411C-ABFF-5B1295476216}"/>
          </ac:spMkLst>
        </pc:spChg>
        <pc:spChg chg="mod ord">
          <ac:chgData name="Daniel Vasques" userId="6c60a0849e65eb85" providerId="LiveId" clId="{5EB1B39A-8B78-4EF6-9E90-15E139A13B62}" dt="2020-08-19T13:28:45.023" v="545"/>
          <ac:spMkLst>
            <pc:docMk/>
            <pc:sldMk cId="2311717667" sldId="259"/>
            <ac:spMk id="35" creationId="{91FFA4B4-1843-4F9E-A01F-C91D6BDA80C9}"/>
          </ac:spMkLst>
        </pc:spChg>
        <pc:spChg chg="mod ord">
          <ac:chgData name="Daniel Vasques" userId="6c60a0849e65eb85" providerId="LiveId" clId="{5EB1B39A-8B78-4EF6-9E90-15E139A13B62}" dt="2020-08-19T13:28:45.025" v="547"/>
          <ac:spMkLst>
            <pc:docMk/>
            <pc:sldMk cId="2311717667" sldId="259"/>
            <ac:spMk id="36" creationId="{6BB85776-D072-421F-9159-322B5D02C8EF}"/>
          </ac:spMkLst>
        </pc:spChg>
        <pc:spChg chg="mod ord">
          <ac:chgData name="Daniel Vasques" userId="6c60a0849e65eb85" providerId="LiveId" clId="{5EB1B39A-8B78-4EF6-9E90-15E139A13B62}" dt="2020-08-19T13:28:55.743" v="713"/>
          <ac:spMkLst>
            <pc:docMk/>
            <pc:sldMk cId="2311717667" sldId="259"/>
            <ac:spMk id="37" creationId="{7F732943-A870-4A68-BC06-4DE59F9520E2}"/>
          </ac:spMkLst>
        </pc:spChg>
        <pc:spChg chg="mod ord">
          <ac:chgData name="Daniel Vasques" userId="6c60a0849e65eb85" providerId="LiveId" clId="{5EB1B39A-8B78-4EF6-9E90-15E139A13B62}" dt="2020-08-19T13:28:55.747" v="715"/>
          <ac:spMkLst>
            <pc:docMk/>
            <pc:sldMk cId="2311717667" sldId="259"/>
            <ac:spMk id="38" creationId="{45C57564-5ADE-4C2F-B7CB-8254490979D4}"/>
          </ac:spMkLst>
        </pc:spChg>
        <pc:spChg chg="mod ord">
          <ac:chgData name="Daniel Vasques" userId="6c60a0849e65eb85" providerId="LiveId" clId="{5EB1B39A-8B78-4EF6-9E90-15E139A13B62}" dt="2020-08-19T13:28:55.631" v="657"/>
          <ac:spMkLst>
            <pc:docMk/>
            <pc:sldMk cId="2311717667" sldId="259"/>
            <ac:spMk id="39" creationId="{DE458E5B-A3FE-48AA-ADF7-6B7F56CD3B96}"/>
          </ac:spMkLst>
        </pc:spChg>
        <pc:spChg chg="mod ord">
          <ac:chgData name="Daniel Vasques" userId="6c60a0849e65eb85" providerId="LiveId" clId="{5EB1B39A-8B78-4EF6-9E90-15E139A13B62}" dt="2020-08-19T13:28:45.033" v="553"/>
          <ac:spMkLst>
            <pc:docMk/>
            <pc:sldMk cId="2311717667" sldId="259"/>
            <ac:spMk id="42" creationId="{EF3B7638-BBB6-47D0-982E-8D6D0F41A046}"/>
          </ac:spMkLst>
        </pc:spChg>
        <pc:spChg chg="mod ord">
          <ac:chgData name="Daniel Vasques" userId="6c60a0849e65eb85" providerId="LiveId" clId="{5EB1B39A-8B78-4EF6-9E90-15E139A13B62}" dt="2020-08-19T13:28:45.035" v="555"/>
          <ac:spMkLst>
            <pc:docMk/>
            <pc:sldMk cId="2311717667" sldId="259"/>
            <ac:spMk id="43" creationId="{134D2930-B9E6-4194-A856-0D9373E475CA}"/>
          </ac:spMkLst>
        </pc:spChg>
        <pc:spChg chg="mod ord">
          <ac:chgData name="Daniel Vasques" userId="6c60a0849e65eb85" providerId="LiveId" clId="{5EB1B39A-8B78-4EF6-9E90-15E139A13B62}" dt="2020-08-19T13:28:45.037" v="557"/>
          <ac:spMkLst>
            <pc:docMk/>
            <pc:sldMk cId="2311717667" sldId="259"/>
            <ac:spMk id="44" creationId="{879B0AB3-30C4-4099-ACF0-8877EC6DB099}"/>
          </ac:spMkLst>
        </pc:spChg>
        <pc:spChg chg="mod ord">
          <ac:chgData name="Daniel Vasques" userId="6c60a0849e65eb85" providerId="LiveId" clId="{5EB1B39A-8B78-4EF6-9E90-15E139A13B62}" dt="2020-08-19T13:28:45.038" v="559"/>
          <ac:spMkLst>
            <pc:docMk/>
            <pc:sldMk cId="2311717667" sldId="259"/>
            <ac:spMk id="45" creationId="{75451101-8B3E-4611-84BD-C213E78C765A}"/>
          </ac:spMkLst>
        </pc:spChg>
        <pc:spChg chg="mod ord">
          <ac:chgData name="Daniel Vasques" userId="6c60a0849e65eb85" providerId="LiveId" clId="{5EB1B39A-8B78-4EF6-9E90-15E139A13B62}" dt="2020-08-19T13:28:55.762" v="721"/>
          <ac:spMkLst>
            <pc:docMk/>
            <pc:sldMk cId="2311717667" sldId="259"/>
            <ac:spMk id="46" creationId="{D17B079B-0064-4937-8C28-074FAE876E1C}"/>
          </ac:spMkLst>
        </pc:spChg>
        <pc:spChg chg="mod ord">
          <ac:chgData name="Daniel Vasques" userId="6c60a0849e65eb85" providerId="LiveId" clId="{5EB1B39A-8B78-4EF6-9E90-15E139A13B62}" dt="2020-08-19T13:28:55.766" v="723"/>
          <ac:spMkLst>
            <pc:docMk/>
            <pc:sldMk cId="2311717667" sldId="259"/>
            <ac:spMk id="47" creationId="{F62F571D-0316-41F2-B911-BE54220AAD3C}"/>
          </ac:spMkLst>
        </pc:spChg>
        <pc:spChg chg="mod ord">
          <ac:chgData name="Daniel Vasques" userId="6c60a0849e65eb85" providerId="LiveId" clId="{5EB1B39A-8B78-4EF6-9E90-15E139A13B62}" dt="2020-08-19T13:28:55.638" v="661"/>
          <ac:spMkLst>
            <pc:docMk/>
            <pc:sldMk cId="2311717667" sldId="259"/>
            <ac:spMk id="48" creationId="{C79F0540-EADC-4CDE-9368-05F601708016}"/>
          </ac:spMkLst>
        </pc:spChg>
        <pc:spChg chg="mod ord">
          <ac:chgData name="Daniel Vasques" userId="6c60a0849e65eb85" providerId="LiveId" clId="{5EB1B39A-8B78-4EF6-9E90-15E139A13B62}" dt="2020-08-19T13:28:55.642" v="665"/>
          <ac:spMkLst>
            <pc:docMk/>
            <pc:sldMk cId="2311717667" sldId="259"/>
            <ac:spMk id="49" creationId="{1C1B7174-24FA-4CDC-9D99-F1F39273EACA}"/>
          </ac:spMkLst>
        </pc:spChg>
        <pc:spChg chg="mod ord">
          <ac:chgData name="Daniel Vasques" userId="6c60a0849e65eb85" providerId="LiveId" clId="{5EB1B39A-8B78-4EF6-9E90-15E139A13B62}" dt="2020-08-19T13:28:55.649" v="669"/>
          <ac:spMkLst>
            <pc:docMk/>
            <pc:sldMk cId="2311717667" sldId="259"/>
            <ac:spMk id="50" creationId="{0713BCE9-E776-4568-8A58-DD2063038E1C}"/>
          </ac:spMkLst>
        </pc:spChg>
        <pc:spChg chg="mod ord">
          <ac:chgData name="Daniel Vasques" userId="6c60a0849e65eb85" providerId="LiveId" clId="{5EB1B39A-8B78-4EF6-9E90-15E139A13B62}" dt="2020-08-19T13:28:55.656" v="673"/>
          <ac:spMkLst>
            <pc:docMk/>
            <pc:sldMk cId="2311717667" sldId="259"/>
            <ac:spMk id="51" creationId="{E811D229-FBE5-407A-8B1B-F9CB533DAFA3}"/>
          </ac:spMkLst>
        </pc:spChg>
        <pc:spChg chg="mod ord">
          <ac:chgData name="Daniel Vasques" userId="6c60a0849e65eb85" providerId="LiveId" clId="{5EB1B39A-8B78-4EF6-9E90-15E139A13B62}" dt="2020-08-19T13:28:55.661" v="677"/>
          <ac:spMkLst>
            <pc:docMk/>
            <pc:sldMk cId="2311717667" sldId="259"/>
            <ac:spMk id="52" creationId="{E92E2A5F-9ACC-4849-8238-B97E96B68927}"/>
          </ac:spMkLst>
        </pc:spChg>
        <pc:spChg chg="mod ord">
          <ac:chgData name="Daniel Vasques" userId="6c60a0849e65eb85" providerId="LiveId" clId="{5EB1B39A-8B78-4EF6-9E90-15E139A13B62}" dt="2020-08-19T13:28:55.669" v="681"/>
          <ac:spMkLst>
            <pc:docMk/>
            <pc:sldMk cId="2311717667" sldId="259"/>
            <ac:spMk id="53" creationId="{EF263258-28EE-48E5-A1FD-E704732B963C}"/>
          </ac:spMkLst>
        </pc:spChg>
        <pc:spChg chg="mod ord">
          <ac:chgData name="Daniel Vasques" userId="6c60a0849e65eb85" providerId="LiveId" clId="{5EB1B39A-8B78-4EF6-9E90-15E139A13B62}" dt="2020-08-19T13:28:45.044" v="565"/>
          <ac:spMkLst>
            <pc:docMk/>
            <pc:sldMk cId="2311717667" sldId="259"/>
            <ac:spMk id="56" creationId="{694462A9-606D-4AA0-B89B-F720DEECE7C0}"/>
          </ac:spMkLst>
        </pc:spChg>
        <pc:spChg chg="mod ord">
          <ac:chgData name="Daniel Vasques" userId="6c60a0849e65eb85" providerId="LiveId" clId="{5EB1B39A-8B78-4EF6-9E90-15E139A13B62}" dt="2020-08-19T13:28:45.048" v="567"/>
          <ac:spMkLst>
            <pc:docMk/>
            <pc:sldMk cId="2311717667" sldId="259"/>
            <ac:spMk id="57" creationId="{A99B89D0-2F9F-49E3-B7E5-3AC448B096CC}"/>
          </ac:spMkLst>
        </pc:spChg>
        <pc:spChg chg="mod ord">
          <ac:chgData name="Daniel Vasques" userId="6c60a0849e65eb85" providerId="LiveId" clId="{5EB1B39A-8B78-4EF6-9E90-15E139A13B62}" dt="2020-08-19T13:28:45.050" v="569"/>
          <ac:spMkLst>
            <pc:docMk/>
            <pc:sldMk cId="2311717667" sldId="259"/>
            <ac:spMk id="58" creationId="{FFDC403C-40E0-441E-B926-A378D473C3AB}"/>
          </ac:spMkLst>
        </pc:spChg>
        <pc:spChg chg="mod ord">
          <ac:chgData name="Daniel Vasques" userId="6c60a0849e65eb85" providerId="LiveId" clId="{5EB1B39A-8B78-4EF6-9E90-15E139A13B62}" dt="2020-08-19T13:28:45.052" v="571"/>
          <ac:spMkLst>
            <pc:docMk/>
            <pc:sldMk cId="2311717667" sldId="259"/>
            <ac:spMk id="59" creationId="{FA074D18-9AC2-4324-8D9C-E4D58B25BF1C}"/>
          </ac:spMkLst>
        </pc:spChg>
        <pc:spChg chg="mod ord">
          <ac:chgData name="Daniel Vasques" userId="6c60a0849e65eb85" providerId="LiveId" clId="{5EB1B39A-8B78-4EF6-9E90-15E139A13B62}" dt="2020-08-19T13:28:55.779" v="729"/>
          <ac:spMkLst>
            <pc:docMk/>
            <pc:sldMk cId="2311717667" sldId="259"/>
            <ac:spMk id="60" creationId="{35E7FAB7-33CB-4A9A-821D-FF14B2CE93D4}"/>
          </ac:spMkLst>
        </pc:spChg>
        <pc:spChg chg="mod ord">
          <ac:chgData name="Daniel Vasques" userId="6c60a0849e65eb85" providerId="LiveId" clId="{5EB1B39A-8B78-4EF6-9E90-15E139A13B62}" dt="2020-08-19T13:28:55.784" v="731"/>
          <ac:spMkLst>
            <pc:docMk/>
            <pc:sldMk cId="2311717667" sldId="259"/>
            <ac:spMk id="61" creationId="{5998646E-9468-47B4-82DC-084761070C56}"/>
          </ac:spMkLst>
        </pc:spChg>
        <pc:spChg chg="mod ord">
          <ac:chgData name="Daniel Vasques" userId="6c60a0849e65eb85" providerId="LiveId" clId="{5EB1B39A-8B78-4EF6-9E90-15E139A13B62}" dt="2020-08-19T13:28:45.058" v="577"/>
          <ac:spMkLst>
            <pc:docMk/>
            <pc:sldMk cId="2311717667" sldId="259"/>
            <ac:spMk id="64" creationId="{924C5483-4877-4042-914C-AF04D8BF56CC}"/>
          </ac:spMkLst>
        </pc:spChg>
        <pc:spChg chg="mod ord">
          <ac:chgData name="Daniel Vasques" userId="6c60a0849e65eb85" providerId="LiveId" clId="{5EB1B39A-8B78-4EF6-9E90-15E139A13B62}" dt="2020-08-19T13:28:45.060" v="579"/>
          <ac:spMkLst>
            <pc:docMk/>
            <pc:sldMk cId="2311717667" sldId="259"/>
            <ac:spMk id="65" creationId="{C5F9C787-939C-4A12-8439-497E92B443AC}"/>
          </ac:spMkLst>
        </pc:spChg>
        <pc:spChg chg="mod ord">
          <ac:chgData name="Daniel Vasques" userId="6c60a0849e65eb85" providerId="LiveId" clId="{5EB1B39A-8B78-4EF6-9E90-15E139A13B62}" dt="2020-08-19T13:28:45.061" v="581"/>
          <ac:spMkLst>
            <pc:docMk/>
            <pc:sldMk cId="2311717667" sldId="259"/>
            <ac:spMk id="66" creationId="{951A1E9B-C391-4238-AC25-7905711B4FE6}"/>
          </ac:spMkLst>
        </pc:spChg>
        <pc:spChg chg="mod ord">
          <ac:chgData name="Daniel Vasques" userId="6c60a0849e65eb85" providerId="LiveId" clId="{5EB1B39A-8B78-4EF6-9E90-15E139A13B62}" dt="2020-08-19T13:28:45.064" v="583"/>
          <ac:spMkLst>
            <pc:docMk/>
            <pc:sldMk cId="2311717667" sldId="259"/>
            <ac:spMk id="67" creationId="{857B6D4D-EA73-49F7-985E-F4B5462392C9}"/>
          </ac:spMkLst>
        </pc:spChg>
        <pc:spChg chg="mod ord">
          <ac:chgData name="Daniel Vasques" userId="6c60a0849e65eb85" providerId="LiveId" clId="{5EB1B39A-8B78-4EF6-9E90-15E139A13B62}" dt="2020-08-19T13:28:55.795" v="737"/>
          <ac:spMkLst>
            <pc:docMk/>
            <pc:sldMk cId="2311717667" sldId="259"/>
            <ac:spMk id="68" creationId="{C14D678B-7D8D-4C3E-9C91-F0AFA9E41E80}"/>
          </ac:spMkLst>
        </pc:spChg>
        <pc:spChg chg="mod ord">
          <ac:chgData name="Daniel Vasques" userId="6c60a0849e65eb85" providerId="LiveId" clId="{5EB1B39A-8B78-4EF6-9E90-15E139A13B62}" dt="2020-08-19T13:28:55.799" v="739"/>
          <ac:spMkLst>
            <pc:docMk/>
            <pc:sldMk cId="2311717667" sldId="259"/>
            <ac:spMk id="69" creationId="{49BEA761-146B-4E9C-89FA-DF84CF5FADB7}"/>
          </ac:spMkLst>
        </pc:spChg>
        <pc:spChg chg="mod ord">
          <ac:chgData name="Daniel Vasques" userId="6c60a0849e65eb85" providerId="LiveId" clId="{5EB1B39A-8B78-4EF6-9E90-15E139A13B62}" dt="2020-08-19T13:28:45.070" v="589"/>
          <ac:spMkLst>
            <pc:docMk/>
            <pc:sldMk cId="2311717667" sldId="259"/>
            <ac:spMk id="72" creationId="{EB38EFB1-D4F6-46F7-B393-C535AB57F9EC}"/>
          </ac:spMkLst>
        </pc:spChg>
        <pc:spChg chg="mod ord">
          <ac:chgData name="Daniel Vasques" userId="6c60a0849e65eb85" providerId="LiveId" clId="{5EB1B39A-8B78-4EF6-9E90-15E139A13B62}" dt="2020-08-19T13:28:45.072" v="591"/>
          <ac:spMkLst>
            <pc:docMk/>
            <pc:sldMk cId="2311717667" sldId="259"/>
            <ac:spMk id="73" creationId="{1CC4ECCE-EE21-47F7-A54C-86AF85BB8F61}"/>
          </ac:spMkLst>
        </pc:spChg>
        <pc:spChg chg="mod ord">
          <ac:chgData name="Daniel Vasques" userId="6c60a0849e65eb85" providerId="LiveId" clId="{5EB1B39A-8B78-4EF6-9E90-15E139A13B62}" dt="2020-08-19T13:28:45.074" v="593"/>
          <ac:spMkLst>
            <pc:docMk/>
            <pc:sldMk cId="2311717667" sldId="259"/>
            <ac:spMk id="74" creationId="{3F3828DC-1CD0-4C05-AE9E-63D8877EF540}"/>
          </ac:spMkLst>
        </pc:spChg>
        <pc:spChg chg="mod ord">
          <ac:chgData name="Daniel Vasques" userId="6c60a0849e65eb85" providerId="LiveId" clId="{5EB1B39A-8B78-4EF6-9E90-15E139A13B62}" dt="2020-08-19T13:28:45.075" v="595"/>
          <ac:spMkLst>
            <pc:docMk/>
            <pc:sldMk cId="2311717667" sldId="259"/>
            <ac:spMk id="75" creationId="{72F4EF8D-21BF-46F3-AC25-C1A4E88888E2}"/>
          </ac:spMkLst>
        </pc:spChg>
        <pc:spChg chg="mod ord">
          <ac:chgData name="Daniel Vasques" userId="6c60a0849e65eb85" providerId="LiveId" clId="{5EB1B39A-8B78-4EF6-9E90-15E139A13B62}" dt="2020-08-19T13:28:55.813" v="745"/>
          <ac:spMkLst>
            <pc:docMk/>
            <pc:sldMk cId="2311717667" sldId="259"/>
            <ac:spMk id="76" creationId="{A4D8B24F-7CCC-4E01-89C5-7C8499189D11}"/>
          </ac:spMkLst>
        </pc:spChg>
        <pc:spChg chg="mod ord">
          <ac:chgData name="Daniel Vasques" userId="6c60a0849e65eb85" providerId="LiveId" clId="{5EB1B39A-8B78-4EF6-9E90-15E139A13B62}" dt="2020-08-19T13:28:55.817" v="747"/>
          <ac:spMkLst>
            <pc:docMk/>
            <pc:sldMk cId="2311717667" sldId="259"/>
            <ac:spMk id="77" creationId="{1D317F47-8ED7-4C75-8AAA-76C9316A6CB8}"/>
          </ac:spMkLst>
        </pc:spChg>
        <pc:spChg chg="mod ord">
          <ac:chgData name="Daniel Vasques" userId="6c60a0849e65eb85" providerId="LiveId" clId="{5EB1B39A-8B78-4EF6-9E90-15E139A13B62}" dt="2020-08-19T13:28:45.083" v="601"/>
          <ac:spMkLst>
            <pc:docMk/>
            <pc:sldMk cId="2311717667" sldId="259"/>
            <ac:spMk id="80" creationId="{DC5ACD4B-7913-430B-85E2-E2A2126DA452}"/>
          </ac:spMkLst>
        </pc:spChg>
        <pc:spChg chg="mod ord">
          <ac:chgData name="Daniel Vasques" userId="6c60a0849e65eb85" providerId="LiveId" clId="{5EB1B39A-8B78-4EF6-9E90-15E139A13B62}" dt="2020-08-19T13:28:45.085" v="603"/>
          <ac:spMkLst>
            <pc:docMk/>
            <pc:sldMk cId="2311717667" sldId="259"/>
            <ac:spMk id="81" creationId="{EF8F9039-E8D2-48A2-AFBB-CD8B312EFF1B}"/>
          </ac:spMkLst>
        </pc:spChg>
        <pc:spChg chg="mod ord">
          <ac:chgData name="Daniel Vasques" userId="6c60a0849e65eb85" providerId="LiveId" clId="{5EB1B39A-8B78-4EF6-9E90-15E139A13B62}" dt="2020-08-19T13:28:45.087" v="605"/>
          <ac:spMkLst>
            <pc:docMk/>
            <pc:sldMk cId="2311717667" sldId="259"/>
            <ac:spMk id="82" creationId="{23B9FEE0-7E8E-401D-B642-973E8EBA1B97}"/>
          </ac:spMkLst>
        </pc:spChg>
        <pc:spChg chg="mod ord">
          <ac:chgData name="Daniel Vasques" userId="6c60a0849e65eb85" providerId="LiveId" clId="{5EB1B39A-8B78-4EF6-9E90-15E139A13B62}" dt="2020-08-19T13:28:45.088" v="607"/>
          <ac:spMkLst>
            <pc:docMk/>
            <pc:sldMk cId="2311717667" sldId="259"/>
            <ac:spMk id="83" creationId="{A9707AD8-AF3C-42FD-A552-2F881C9DF3BB}"/>
          </ac:spMkLst>
        </pc:spChg>
        <pc:spChg chg="mod ord">
          <ac:chgData name="Daniel Vasques" userId="6c60a0849e65eb85" providerId="LiveId" clId="{5EB1B39A-8B78-4EF6-9E90-15E139A13B62}" dt="2020-08-19T13:28:55.835" v="753"/>
          <ac:spMkLst>
            <pc:docMk/>
            <pc:sldMk cId="2311717667" sldId="259"/>
            <ac:spMk id="84" creationId="{3FFCD777-B150-4194-AC01-88E19EA07C74}"/>
          </ac:spMkLst>
        </pc:spChg>
        <pc:spChg chg="mod ord">
          <ac:chgData name="Daniel Vasques" userId="6c60a0849e65eb85" providerId="LiveId" clId="{5EB1B39A-8B78-4EF6-9E90-15E139A13B62}" dt="2020-08-19T13:28:55.839" v="755"/>
          <ac:spMkLst>
            <pc:docMk/>
            <pc:sldMk cId="2311717667" sldId="259"/>
            <ac:spMk id="85" creationId="{0563614A-41BA-42D0-A3B0-2C7A9C3F07B0}"/>
          </ac:spMkLst>
        </pc:spChg>
        <pc:spChg chg="mod ord">
          <ac:chgData name="Daniel Vasques" userId="6c60a0849e65eb85" providerId="LiveId" clId="{5EB1B39A-8B78-4EF6-9E90-15E139A13B62}" dt="2020-08-19T13:28:45.092" v="613"/>
          <ac:spMkLst>
            <pc:docMk/>
            <pc:sldMk cId="2311717667" sldId="259"/>
            <ac:spMk id="88" creationId="{E1FC3C6D-ADA2-4399-8D69-417DB083E88D}"/>
          </ac:spMkLst>
        </pc:spChg>
        <pc:spChg chg="mod ord">
          <ac:chgData name="Daniel Vasques" userId="6c60a0849e65eb85" providerId="LiveId" clId="{5EB1B39A-8B78-4EF6-9E90-15E139A13B62}" dt="2020-08-19T13:28:45.095" v="615"/>
          <ac:spMkLst>
            <pc:docMk/>
            <pc:sldMk cId="2311717667" sldId="259"/>
            <ac:spMk id="89" creationId="{D300177A-6766-4515-93E8-84FE2B0554F5}"/>
          </ac:spMkLst>
        </pc:spChg>
        <pc:spChg chg="mod ord">
          <ac:chgData name="Daniel Vasques" userId="6c60a0849e65eb85" providerId="LiveId" clId="{5EB1B39A-8B78-4EF6-9E90-15E139A13B62}" dt="2020-08-19T13:28:45.098" v="617"/>
          <ac:spMkLst>
            <pc:docMk/>
            <pc:sldMk cId="2311717667" sldId="259"/>
            <ac:spMk id="90" creationId="{58421C4D-A7B5-4268-9D73-9D9D32202CC3}"/>
          </ac:spMkLst>
        </pc:spChg>
        <pc:spChg chg="mod ord">
          <ac:chgData name="Daniel Vasques" userId="6c60a0849e65eb85" providerId="LiveId" clId="{5EB1B39A-8B78-4EF6-9E90-15E139A13B62}" dt="2020-08-19T13:28:45.100" v="619"/>
          <ac:spMkLst>
            <pc:docMk/>
            <pc:sldMk cId="2311717667" sldId="259"/>
            <ac:spMk id="91" creationId="{BAE5ECAF-7D96-49A8-B568-4FFD22779594}"/>
          </ac:spMkLst>
        </pc:spChg>
        <pc:spChg chg="mod ord">
          <ac:chgData name="Daniel Vasques" userId="6c60a0849e65eb85" providerId="LiveId" clId="{5EB1B39A-8B78-4EF6-9E90-15E139A13B62}" dt="2020-08-19T13:28:55.856" v="761"/>
          <ac:spMkLst>
            <pc:docMk/>
            <pc:sldMk cId="2311717667" sldId="259"/>
            <ac:spMk id="92" creationId="{C7AA7783-6B75-4555-AA6E-E340A8C0BCBD}"/>
          </ac:spMkLst>
        </pc:spChg>
        <pc:spChg chg="mod ord">
          <ac:chgData name="Daniel Vasques" userId="6c60a0849e65eb85" providerId="LiveId" clId="{5EB1B39A-8B78-4EF6-9E90-15E139A13B62}" dt="2020-08-19T13:28:55.859" v="763"/>
          <ac:spMkLst>
            <pc:docMk/>
            <pc:sldMk cId="2311717667" sldId="259"/>
            <ac:spMk id="93" creationId="{4AC082EB-7D59-41BB-8061-CA7CACD8FA9E}"/>
          </ac:spMkLst>
        </pc:spChg>
        <pc:spChg chg="mod ord">
          <ac:chgData name="Daniel Vasques" userId="6c60a0849e65eb85" providerId="LiveId" clId="{5EB1B39A-8B78-4EF6-9E90-15E139A13B62}" dt="2020-08-19T13:28:45.106" v="625"/>
          <ac:spMkLst>
            <pc:docMk/>
            <pc:sldMk cId="2311717667" sldId="259"/>
            <ac:spMk id="96" creationId="{4777ACC8-74FC-4281-8F3A-F9895902A177}"/>
          </ac:spMkLst>
        </pc:spChg>
        <pc:spChg chg="mod ord">
          <ac:chgData name="Daniel Vasques" userId="6c60a0849e65eb85" providerId="LiveId" clId="{5EB1B39A-8B78-4EF6-9E90-15E139A13B62}" dt="2020-08-19T13:28:45.108" v="627"/>
          <ac:spMkLst>
            <pc:docMk/>
            <pc:sldMk cId="2311717667" sldId="259"/>
            <ac:spMk id="97" creationId="{9057E533-6C99-4802-B9A9-2FD60B96DCB2}"/>
          </ac:spMkLst>
        </pc:spChg>
        <pc:spChg chg="mod ord">
          <ac:chgData name="Daniel Vasques" userId="6c60a0849e65eb85" providerId="LiveId" clId="{5EB1B39A-8B78-4EF6-9E90-15E139A13B62}" dt="2020-08-19T13:28:45.109" v="629"/>
          <ac:spMkLst>
            <pc:docMk/>
            <pc:sldMk cId="2311717667" sldId="259"/>
            <ac:spMk id="98" creationId="{F030362B-72BF-4709-A458-12494C859824}"/>
          </ac:spMkLst>
        </pc:spChg>
        <pc:spChg chg="mod ord">
          <ac:chgData name="Daniel Vasques" userId="6c60a0849e65eb85" providerId="LiveId" clId="{5EB1B39A-8B78-4EF6-9E90-15E139A13B62}" dt="2020-08-19T13:28:45.111" v="631"/>
          <ac:spMkLst>
            <pc:docMk/>
            <pc:sldMk cId="2311717667" sldId="259"/>
            <ac:spMk id="99" creationId="{56D438D0-5901-4762-8A03-BAB3EB7369B0}"/>
          </ac:spMkLst>
        </pc:spChg>
        <pc:spChg chg="mod ord">
          <ac:chgData name="Daniel Vasques" userId="6c60a0849e65eb85" providerId="LiveId" clId="{5EB1B39A-8B78-4EF6-9E90-15E139A13B62}" dt="2020-08-19T13:28:55.875" v="769"/>
          <ac:spMkLst>
            <pc:docMk/>
            <pc:sldMk cId="2311717667" sldId="259"/>
            <ac:spMk id="100" creationId="{B32ADB9E-B8D8-4288-BBE4-92BEA9FD0ED7}"/>
          </ac:spMkLst>
        </pc:spChg>
        <pc:spChg chg="mod ord">
          <ac:chgData name="Daniel Vasques" userId="6c60a0849e65eb85" providerId="LiveId" clId="{5EB1B39A-8B78-4EF6-9E90-15E139A13B62}" dt="2020-08-19T13:28:55.878" v="771"/>
          <ac:spMkLst>
            <pc:docMk/>
            <pc:sldMk cId="2311717667" sldId="259"/>
            <ac:spMk id="101" creationId="{68CAFD7E-FDA6-4794-8818-FCC4B0A1097C}"/>
          </ac:spMkLst>
        </pc:spChg>
        <pc:spChg chg="mod">
          <ac:chgData name="Daniel Vasques" userId="6c60a0849e65eb85" providerId="LiveId" clId="{5EB1B39A-8B78-4EF6-9E90-15E139A13B62}" dt="2020-08-19T13:28:55.611" v="646"/>
          <ac:spMkLst>
            <pc:docMk/>
            <pc:sldMk cId="2311717667" sldId="259"/>
            <ac:spMk id="180" creationId="{A894D349-9CBE-4802-8B2C-889F69633949}"/>
          </ac:spMkLst>
        </pc:spChg>
        <pc:spChg chg="mod">
          <ac:chgData name="Daniel Vasques" userId="6c60a0849e65eb85" providerId="LiveId" clId="{5EB1B39A-8B78-4EF6-9E90-15E139A13B62}" dt="2020-08-19T13:28:55.616" v="648"/>
          <ac:spMkLst>
            <pc:docMk/>
            <pc:sldMk cId="2311717667" sldId="259"/>
            <ac:spMk id="181" creationId="{B639A09D-E3CF-4AED-BB39-2279159B8D72}"/>
          </ac:spMkLst>
        </pc:spChg>
        <pc:spChg chg="mod">
          <ac:chgData name="Daniel Vasques" userId="6c60a0849e65eb85" providerId="LiveId" clId="{5EB1B39A-8B78-4EF6-9E90-15E139A13B62}" dt="2020-08-19T13:28:55.678" v="682"/>
          <ac:spMkLst>
            <pc:docMk/>
            <pc:sldMk cId="2311717667" sldId="259"/>
            <ac:spMk id="199" creationId="{51FD3574-7A10-49EB-9C68-FA1F360EF094}"/>
          </ac:spMkLst>
        </pc:spChg>
        <pc:spChg chg="mod">
          <ac:chgData name="Daniel Vasques" userId="6c60a0849e65eb85" providerId="LiveId" clId="{5EB1B39A-8B78-4EF6-9E90-15E139A13B62}" dt="2020-08-19T13:28:55.681" v="683"/>
          <ac:spMkLst>
            <pc:docMk/>
            <pc:sldMk cId="2311717667" sldId="259"/>
            <ac:spMk id="200" creationId="{8236E5E1-0000-45EC-8FED-C4F4C3B4F000}"/>
          </ac:spMkLst>
        </pc:spChg>
        <pc:spChg chg="mod">
          <ac:chgData name="Daniel Vasques" userId="6c60a0849e65eb85" providerId="LiveId" clId="{5EB1B39A-8B78-4EF6-9E90-15E139A13B62}" dt="2020-08-19T13:28:55.694" v="690"/>
          <ac:spMkLst>
            <pc:docMk/>
            <pc:sldMk cId="2311717667" sldId="259"/>
            <ac:spMk id="201" creationId="{516A64BE-9AD6-4C62-B865-E15EA4EA8B3F}"/>
          </ac:spMkLst>
        </pc:spChg>
        <pc:spChg chg="mod">
          <ac:chgData name="Daniel Vasques" userId="6c60a0849e65eb85" providerId="LiveId" clId="{5EB1B39A-8B78-4EF6-9E90-15E139A13B62}" dt="2020-08-19T13:28:55.696" v="691"/>
          <ac:spMkLst>
            <pc:docMk/>
            <pc:sldMk cId="2311717667" sldId="259"/>
            <ac:spMk id="202" creationId="{EB6C9677-4C40-4DD8-8C18-5FBA25EA7061}"/>
          </ac:spMkLst>
        </pc:spChg>
        <pc:spChg chg="mod">
          <ac:chgData name="Daniel Vasques" userId="6c60a0849e65eb85" providerId="LiveId" clId="{5EB1B39A-8B78-4EF6-9E90-15E139A13B62}" dt="2020-08-19T13:28:55.730" v="708"/>
          <ac:spMkLst>
            <pc:docMk/>
            <pc:sldMk cId="2311717667" sldId="259"/>
            <ac:spMk id="203" creationId="{0363B949-F9FF-4EB2-AC85-96A737BE5EC3}"/>
          </ac:spMkLst>
        </pc:spChg>
        <pc:spChg chg="mod">
          <ac:chgData name="Daniel Vasques" userId="6c60a0849e65eb85" providerId="LiveId" clId="{5EB1B39A-8B78-4EF6-9E90-15E139A13B62}" dt="2020-08-19T13:28:55.735" v="709"/>
          <ac:spMkLst>
            <pc:docMk/>
            <pc:sldMk cId="2311717667" sldId="259"/>
            <ac:spMk id="204" creationId="{F8167FE1-68C6-415F-9095-1F91FCF8D27C}"/>
          </ac:spMkLst>
        </pc:spChg>
        <pc:spChg chg="mod">
          <ac:chgData name="Daniel Vasques" userId="6c60a0849e65eb85" providerId="LiveId" clId="{5EB1B39A-8B78-4EF6-9E90-15E139A13B62}" dt="2020-08-19T13:28:55.749" v="716"/>
          <ac:spMkLst>
            <pc:docMk/>
            <pc:sldMk cId="2311717667" sldId="259"/>
            <ac:spMk id="205" creationId="{5D92DE41-1EEE-4FBB-B144-0F2CA55C3A01}"/>
          </ac:spMkLst>
        </pc:spChg>
        <pc:spChg chg="mod">
          <ac:chgData name="Daniel Vasques" userId="6c60a0849e65eb85" providerId="LiveId" clId="{5EB1B39A-8B78-4EF6-9E90-15E139A13B62}" dt="2020-08-19T13:28:55.752" v="717"/>
          <ac:spMkLst>
            <pc:docMk/>
            <pc:sldMk cId="2311717667" sldId="259"/>
            <ac:spMk id="206" creationId="{76F7DC17-49B0-43A8-9D08-73159407D2F8}"/>
          </ac:spMkLst>
        </pc:spChg>
        <pc:spChg chg="mod">
          <ac:chgData name="Daniel Vasques" userId="6c60a0849e65eb85" providerId="LiveId" clId="{5EB1B39A-8B78-4EF6-9E90-15E139A13B62}" dt="2020-08-19T13:28:55.768" v="724"/>
          <ac:spMkLst>
            <pc:docMk/>
            <pc:sldMk cId="2311717667" sldId="259"/>
            <ac:spMk id="207" creationId="{252C4A28-5FA1-4235-9996-1850C9FCDC4D}"/>
          </ac:spMkLst>
        </pc:spChg>
        <pc:spChg chg="mod">
          <ac:chgData name="Daniel Vasques" userId="6c60a0849e65eb85" providerId="LiveId" clId="{5EB1B39A-8B78-4EF6-9E90-15E139A13B62}" dt="2020-08-19T13:28:55.771" v="725"/>
          <ac:spMkLst>
            <pc:docMk/>
            <pc:sldMk cId="2311717667" sldId="259"/>
            <ac:spMk id="208" creationId="{6D5F7278-E171-46F0-B275-278F05A559A2}"/>
          </ac:spMkLst>
        </pc:spChg>
        <pc:spChg chg="mod">
          <ac:chgData name="Daniel Vasques" userId="6c60a0849e65eb85" providerId="LiveId" clId="{5EB1B39A-8B78-4EF6-9E90-15E139A13B62}" dt="2020-08-19T13:28:55.785" v="732"/>
          <ac:spMkLst>
            <pc:docMk/>
            <pc:sldMk cId="2311717667" sldId="259"/>
            <ac:spMk id="209" creationId="{723B8184-FB13-474B-924F-040B566E254F}"/>
          </ac:spMkLst>
        </pc:spChg>
        <pc:spChg chg="mod">
          <ac:chgData name="Daniel Vasques" userId="6c60a0849e65eb85" providerId="LiveId" clId="{5EB1B39A-8B78-4EF6-9E90-15E139A13B62}" dt="2020-08-19T13:28:55.787" v="733"/>
          <ac:spMkLst>
            <pc:docMk/>
            <pc:sldMk cId="2311717667" sldId="259"/>
            <ac:spMk id="210" creationId="{E81328ED-6526-45B7-9140-117A341A5553}"/>
          </ac:spMkLst>
        </pc:spChg>
        <pc:spChg chg="mod">
          <ac:chgData name="Daniel Vasques" userId="6c60a0849e65eb85" providerId="LiveId" clId="{5EB1B39A-8B78-4EF6-9E90-15E139A13B62}" dt="2020-08-19T13:28:55.801" v="740"/>
          <ac:spMkLst>
            <pc:docMk/>
            <pc:sldMk cId="2311717667" sldId="259"/>
            <ac:spMk id="211" creationId="{5DA1D9B0-4A49-4D20-A1CF-17CFB5017223}"/>
          </ac:spMkLst>
        </pc:spChg>
        <pc:spChg chg="mod">
          <ac:chgData name="Daniel Vasques" userId="6c60a0849e65eb85" providerId="LiveId" clId="{5EB1B39A-8B78-4EF6-9E90-15E139A13B62}" dt="2020-08-19T13:28:55.804" v="741"/>
          <ac:spMkLst>
            <pc:docMk/>
            <pc:sldMk cId="2311717667" sldId="259"/>
            <ac:spMk id="212" creationId="{9AB6BD14-E09A-4433-8A4C-46F975B426B6}"/>
          </ac:spMkLst>
        </pc:spChg>
        <pc:spChg chg="mod">
          <ac:chgData name="Daniel Vasques" userId="6c60a0849e65eb85" providerId="LiveId" clId="{5EB1B39A-8B78-4EF6-9E90-15E139A13B62}" dt="2020-08-19T13:28:55.819" v="748"/>
          <ac:spMkLst>
            <pc:docMk/>
            <pc:sldMk cId="2311717667" sldId="259"/>
            <ac:spMk id="213" creationId="{9F382699-8B64-4A48-85EE-99201EDF139F}"/>
          </ac:spMkLst>
        </pc:spChg>
        <pc:spChg chg="mod">
          <ac:chgData name="Daniel Vasques" userId="6c60a0849e65eb85" providerId="LiveId" clId="{5EB1B39A-8B78-4EF6-9E90-15E139A13B62}" dt="2020-08-19T13:28:55.823" v="749"/>
          <ac:spMkLst>
            <pc:docMk/>
            <pc:sldMk cId="2311717667" sldId="259"/>
            <ac:spMk id="214" creationId="{F7CFD2A0-12FC-4DDD-9233-4A3C0F747211}"/>
          </ac:spMkLst>
        </pc:spChg>
        <pc:spChg chg="mod">
          <ac:chgData name="Daniel Vasques" userId="6c60a0849e65eb85" providerId="LiveId" clId="{5EB1B39A-8B78-4EF6-9E90-15E139A13B62}" dt="2020-08-19T13:28:55.841" v="756"/>
          <ac:spMkLst>
            <pc:docMk/>
            <pc:sldMk cId="2311717667" sldId="259"/>
            <ac:spMk id="215" creationId="{041AC5E4-AF15-43D2-8025-6BE1F0EBB62F}"/>
          </ac:spMkLst>
        </pc:spChg>
        <pc:spChg chg="mod">
          <ac:chgData name="Daniel Vasques" userId="6c60a0849e65eb85" providerId="LiveId" clId="{5EB1B39A-8B78-4EF6-9E90-15E139A13B62}" dt="2020-08-19T13:28:55.845" v="757"/>
          <ac:spMkLst>
            <pc:docMk/>
            <pc:sldMk cId="2311717667" sldId="259"/>
            <ac:spMk id="216" creationId="{BBE62F07-9B4D-446F-9310-4C8F9AE0E712}"/>
          </ac:spMkLst>
        </pc:spChg>
        <pc:spChg chg="mod">
          <ac:chgData name="Daniel Vasques" userId="6c60a0849e65eb85" providerId="LiveId" clId="{5EB1B39A-8B78-4EF6-9E90-15E139A13B62}" dt="2020-08-19T13:28:55.860" v="764"/>
          <ac:spMkLst>
            <pc:docMk/>
            <pc:sldMk cId="2311717667" sldId="259"/>
            <ac:spMk id="217" creationId="{403EB601-2B81-4FDC-92B8-B6A540FE0BC4}"/>
          </ac:spMkLst>
        </pc:spChg>
        <pc:spChg chg="mod">
          <ac:chgData name="Daniel Vasques" userId="6c60a0849e65eb85" providerId="LiveId" clId="{5EB1B39A-8B78-4EF6-9E90-15E139A13B62}" dt="2020-08-19T13:28:55.864" v="765"/>
          <ac:spMkLst>
            <pc:docMk/>
            <pc:sldMk cId="2311717667" sldId="259"/>
            <ac:spMk id="218" creationId="{7404EC71-2378-40CE-BD59-372399103021}"/>
          </ac:spMkLst>
        </pc:spChg>
        <pc:spChg chg="add mod">
          <ac:chgData name="Daniel Vasques" userId="6c60a0849e65eb85" providerId="LiveId" clId="{5EB1B39A-8B78-4EF6-9E90-15E139A13B62}" dt="2020-08-19T13:28:44.903" v="433"/>
          <ac:spMkLst>
            <pc:docMk/>
            <pc:sldMk cId="2311717667" sldId="259"/>
            <ac:spMk id="219" creationId="{A99EABCF-69D1-4E75-AF03-8CCCFC337D3C}"/>
          </ac:spMkLst>
        </pc:spChg>
        <pc:spChg chg="add mod">
          <ac:chgData name="Daniel Vasques" userId="6c60a0849e65eb85" providerId="LiveId" clId="{5EB1B39A-8B78-4EF6-9E90-15E139A13B62}" dt="2020-08-19T13:28:44.932" v="459"/>
          <ac:spMkLst>
            <pc:docMk/>
            <pc:sldMk cId="2311717667" sldId="259"/>
            <ac:spMk id="220" creationId="{D5ACF584-B9C0-4846-8F2B-16F341C8FFFA}"/>
          </ac:spMkLst>
        </pc:spChg>
        <pc:spChg chg="add mod ord">
          <ac:chgData name="Daniel Vasques" userId="6c60a0849e65eb85" providerId="LiveId" clId="{5EB1B39A-8B78-4EF6-9E90-15E139A13B62}" dt="2020-08-19T13:28:55.887" v="773"/>
          <ac:spMkLst>
            <pc:docMk/>
            <pc:sldMk cId="2311717667" sldId="259"/>
            <ac:spMk id="221" creationId="{3A2DE461-73C3-45A9-8315-539529B8E986}"/>
          </ac:spMkLst>
        </pc:spChg>
        <pc:cxnChg chg="mod ord">
          <ac:chgData name="Daniel Vasques" userId="6c60a0849e65eb85" providerId="LiveId" clId="{5EB1B39A-8B78-4EF6-9E90-15E139A13B62}" dt="2020-08-19T13:28:44.959" v="483"/>
          <ac:cxnSpMkLst>
            <pc:docMk/>
            <pc:sldMk cId="2311717667" sldId="259"/>
            <ac:cxnSpMk id="182" creationId="{2EDB769C-3087-41A0-9E26-B49359146263}"/>
          </ac:cxnSpMkLst>
        </pc:cxnChg>
        <pc:cxnChg chg="mod ord">
          <ac:chgData name="Daniel Vasques" userId="6c60a0849e65eb85" providerId="LiveId" clId="{5EB1B39A-8B78-4EF6-9E90-15E139A13B62}" dt="2020-08-19T13:28:44.961" v="485"/>
          <ac:cxnSpMkLst>
            <pc:docMk/>
            <pc:sldMk cId="2311717667" sldId="259"/>
            <ac:cxnSpMk id="183" creationId="{78B51EAD-AB82-4B8B-BED2-FB3207729C0B}"/>
          </ac:cxnSpMkLst>
        </pc:cxnChg>
        <pc:cxnChg chg="mod ord">
          <ac:chgData name="Daniel Vasques" userId="6c60a0849e65eb85" providerId="LiveId" clId="{5EB1B39A-8B78-4EF6-9E90-15E139A13B62}" dt="2020-08-19T13:28:44.964" v="487"/>
          <ac:cxnSpMkLst>
            <pc:docMk/>
            <pc:sldMk cId="2311717667" sldId="259"/>
            <ac:cxnSpMk id="184" creationId="{1EAAF37B-9EC5-4CC9-932C-E4E93CCC3185}"/>
          </ac:cxnSpMkLst>
        </pc:cxnChg>
        <pc:cxnChg chg="mod ord">
          <ac:chgData name="Daniel Vasques" userId="6c60a0849e65eb85" providerId="LiveId" clId="{5EB1B39A-8B78-4EF6-9E90-15E139A13B62}" dt="2020-08-19T13:28:44.966" v="489"/>
          <ac:cxnSpMkLst>
            <pc:docMk/>
            <pc:sldMk cId="2311717667" sldId="259"/>
            <ac:cxnSpMk id="185" creationId="{BB242B53-92D7-475B-B2B0-9F954994C7D1}"/>
          </ac:cxnSpMkLst>
        </pc:cxnChg>
        <pc:cxnChg chg="mod ord">
          <ac:chgData name="Daniel Vasques" userId="6c60a0849e65eb85" providerId="LiveId" clId="{5EB1B39A-8B78-4EF6-9E90-15E139A13B62}" dt="2020-08-19T13:28:44.968" v="491"/>
          <ac:cxnSpMkLst>
            <pc:docMk/>
            <pc:sldMk cId="2311717667" sldId="259"/>
            <ac:cxnSpMk id="186" creationId="{06C634E4-8353-4B61-A354-E99CD83C6F23}"/>
          </ac:cxnSpMkLst>
        </pc:cxnChg>
        <pc:cxnChg chg="mod ord">
          <ac:chgData name="Daniel Vasques" userId="6c60a0849e65eb85" providerId="LiveId" clId="{5EB1B39A-8B78-4EF6-9E90-15E139A13B62}" dt="2020-08-19T13:28:44.970" v="493"/>
          <ac:cxnSpMkLst>
            <pc:docMk/>
            <pc:sldMk cId="2311717667" sldId="259"/>
            <ac:cxnSpMk id="187" creationId="{BDF66E77-3FE9-4624-853C-2B8A98672193}"/>
          </ac:cxnSpMkLst>
        </pc:cxnChg>
        <pc:cxnChg chg="mod ord">
          <ac:chgData name="Daniel Vasques" userId="6c60a0849e65eb85" providerId="LiveId" clId="{5EB1B39A-8B78-4EF6-9E90-15E139A13B62}" dt="2020-08-19T13:28:44.972" v="495"/>
          <ac:cxnSpMkLst>
            <pc:docMk/>
            <pc:sldMk cId="2311717667" sldId="259"/>
            <ac:cxnSpMk id="188" creationId="{3B338A61-8C05-4811-B6E8-B8EC8C69174D}"/>
          </ac:cxnSpMkLst>
        </pc:cxnChg>
        <pc:cxnChg chg="mod ord">
          <ac:chgData name="Daniel Vasques" userId="6c60a0849e65eb85" providerId="LiveId" clId="{5EB1B39A-8B78-4EF6-9E90-15E139A13B62}" dt="2020-08-19T13:28:44.909" v="439"/>
          <ac:cxnSpMkLst>
            <pc:docMk/>
            <pc:sldMk cId="2311717667" sldId="259"/>
            <ac:cxnSpMk id="189" creationId="{61615570-329B-4BF9-A044-3B013BA3984F}"/>
          </ac:cxnSpMkLst>
        </pc:cxnChg>
        <pc:cxnChg chg="del mod ord">
          <ac:chgData name="Daniel Vasques" userId="6c60a0849e65eb85" providerId="LiveId" clId="{5EB1B39A-8B78-4EF6-9E90-15E139A13B62}" dt="2020-08-19T13:28:45.119" v="637"/>
          <ac:cxnSpMkLst>
            <pc:docMk/>
            <pc:sldMk cId="2311717667" sldId="259"/>
            <ac:cxnSpMk id="190" creationId="{A7977520-E128-4D53-8F12-A0CD88AC0456}"/>
          </ac:cxnSpMkLst>
        </pc:cxnChg>
        <pc:cxnChg chg="mod ord">
          <ac:chgData name="Daniel Vasques" userId="6c60a0849e65eb85" providerId="LiveId" clId="{5EB1B39A-8B78-4EF6-9E90-15E139A13B62}" dt="2020-08-19T13:28:44.914" v="443"/>
          <ac:cxnSpMkLst>
            <pc:docMk/>
            <pc:sldMk cId="2311717667" sldId="259"/>
            <ac:cxnSpMk id="191" creationId="{2297D060-4C6F-4ED6-8859-881AE08C51F6}"/>
          </ac:cxnSpMkLst>
        </pc:cxnChg>
        <pc:cxnChg chg="mod ord">
          <ac:chgData name="Daniel Vasques" userId="6c60a0849e65eb85" providerId="LiveId" clId="{5EB1B39A-8B78-4EF6-9E90-15E139A13B62}" dt="2020-08-19T13:28:44.918" v="445"/>
          <ac:cxnSpMkLst>
            <pc:docMk/>
            <pc:sldMk cId="2311717667" sldId="259"/>
            <ac:cxnSpMk id="192" creationId="{60743991-BDED-430F-BB34-CFCA93F2E36C}"/>
          </ac:cxnSpMkLst>
        </pc:cxnChg>
        <pc:cxnChg chg="mod ord">
          <ac:chgData name="Daniel Vasques" userId="6c60a0849e65eb85" providerId="LiveId" clId="{5EB1B39A-8B78-4EF6-9E90-15E139A13B62}" dt="2020-08-19T13:28:44.920" v="447"/>
          <ac:cxnSpMkLst>
            <pc:docMk/>
            <pc:sldMk cId="2311717667" sldId="259"/>
            <ac:cxnSpMk id="193" creationId="{A79BEE83-C2FA-4EA9-B967-B69C2B390A64}"/>
          </ac:cxnSpMkLst>
        </pc:cxnChg>
        <pc:cxnChg chg="mod ord">
          <ac:chgData name="Daniel Vasques" userId="6c60a0849e65eb85" providerId="LiveId" clId="{5EB1B39A-8B78-4EF6-9E90-15E139A13B62}" dt="2020-08-19T13:28:44.921" v="449"/>
          <ac:cxnSpMkLst>
            <pc:docMk/>
            <pc:sldMk cId="2311717667" sldId="259"/>
            <ac:cxnSpMk id="194" creationId="{AB80D7EB-56D5-4E59-8BD9-C072D5B91012}"/>
          </ac:cxnSpMkLst>
        </pc:cxnChg>
        <pc:cxnChg chg="mod ord">
          <ac:chgData name="Daniel Vasques" userId="6c60a0849e65eb85" providerId="LiveId" clId="{5EB1B39A-8B78-4EF6-9E90-15E139A13B62}" dt="2020-08-19T13:28:44.923" v="451"/>
          <ac:cxnSpMkLst>
            <pc:docMk/>
            <pc:sldMk cId="2311717667" sldId="259"/>
            <ac:cxnSpMk id="195" creationId="{C93874A0-3D75-455E-9978-4E2805D15B31}"/>
          </ac:cxnSpMkLst>
        </pc:cxnChg>
        <pc:cxnChg chg="mod ord">
          <ac:chgData name="Daniel Vasques" userId="6c60a0849e65eb85" providerId="LiveId" clId="{5EB1B39A-8B78-4EF6-9E90-15E139A13B62}" dt="2020-08-19T13:28:44.925" v="453"/>
          <ac:cxnSpMkLst>
            <pc:docMk/>
            <pc:sldMk cId="2311717667" sldId="259"/>
            <ac:cxnSpMk id="196" creationId="{B783B7BF-3B16-4005-B7FE-454E03F49850}"/>
          </ac:cxnSpMkLst>
        </pc:cxnChg>
        <pc:cxnChg chg="mod ord">
          <ac:chgData name="Daniel Vasques" userId="6c60a0849e65eb85" providerId="LiveId" clId="{5EB1B39A-8B78-4EF6-9E90-15E139A13B62}" dt="2020-08-19T13:28:44.926" v="455"/>
          <ac:cxnSpMkLst>
            <pc:docMk/>
            <pc:sldMk cId="2311717667" sldId="259"/>
            <ac:cxnSpMk id="197" creationId="{2718CC43-AC88-434E-9FE2-024AFB69661B}"/>
          </ac:cxnSpMkLst>
        </pc:cxnChg>
        <pc:cxnChg chg="mod ord">
          <ac:chgData name="Daniel Vasques" userId="6c60a0849e65eb85" providerId="LiveId" clId="{5EB1B39A-8B78-4EF6-9E90-15E139A13B62}" dt="2020-08-19T13:28:44.928" v="457"/>
          <ac:cxnSpMkLst>
            <pc:docMk/>
            <pc:sldMk cId="2311717667" sldId="259"/>
            <ac:cxnSpMk id="198" creationId="{B14936CB-06CC-45A9-8501-D88DCE1CB330}"/>
          </ac:cxnSpMkLst>
        </pc:cxn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Slide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1DA51A61-82CC-43FF-84F8-20AD4EFE5CF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67E2071C-C170-43D5-A302-E3CF4D73BE9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t-BR"/>
              <a:t>Clique para editar o estilo do subtítulo Mestre</a:t>
            </a:r>
          </a:p>
        </p:txBody>
      </p:sp>
      <p:sp>
        <p:nvSpPr>
          <p:cNvPr id="4" name="Espaço Reservado para Data 3">
            <a:extLst>
              <a:ext uri="{FF2B5EF4-FFF2-40B4-BE49-F238E27FC236}">
                <a16:creationId xmlns:a16="http://schemas.microsoft.com/office/drawing/2014/main" id="{252ACC77-1D64-47C6-9CE3-7F2BB0B9B4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5" name="Espaço Reservado para Rodapé 4">
            <a:extLst>
              <a:ext uri="{FF2B5EF4-FFF2-40B4-BE49-F238E27FC236}">
                <a16:creationId xmlns:a16="http://schemas.microsoft.com/office/drawing/2014/main" id="{64F7D6FA-8EFF-43A3-88EA-0317BBC2BB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6" name="Espaço Reservado para Número de Slide 5">
            <a:extLst>
              <a:ext uri="{FF2B5EF4-FFF2-40B4-BE49-F238E27FC236}">
                <a16:creationId xmlns:a16="http://schemas.microsoft.com/office/drawing/2014/main" id="{2F0FA9EB-8E23-4EEA-B68D-EB405354D6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21779985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76D6EDA8-F57A-49E8-A4B3-250141FCD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Texto Vertical 2">
            <a:extLst>
              <a:ext uri="{FF2B5EF4-FFF2-40B4-BE49-F238E27FC236}">
                <a16:creationId xmlns:a16="http://schemas.microsoft.com/office/drawing/2014/main" id="{8BF23AAA-0E80-48B4-8EE5-5945FEBA047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pt-BR"/>
              <a:t>Clique para editar os estilos de texto Mestres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Data 3">
            <a:extLst>
              <a:ext uri="{FF2B5EF4-FFF2-40B4-BE49-F238E27FC236}">
                <a16:creationId xmlns:a16="http://schemas.microsoft.com/office/drawing/2014/main" id="{1853F6B7-23D9-4F9F-86B7-66E949A55F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5" name="Espaço Reservado para Rodapé 4">
            <a:extLst>
              <a:ext uri="{FF2B5EF4-FFF2-40B4-BE49-F238E27FC236}">
                <a16:creationId xmlns:a16="http://schemas.microsoft.com/office/drawing/2014/main" id="{F5F88175-DE60-443F-91BF-773F73825E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6" name="Espaço Reservado para Número de Slide 5">
            <a:extLst>
              <a:ext uri="{FF2B5EF4-FFF2-40B4-BE49-F238E27FC236}">
                <a16:creationId xmlns:a16="http://schemas.microsoft.com/office/drawing/2014/main" id="{C3507C4E-903D-47A4-AD5F-D77D227755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414334975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exto e Títul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>
            <a:extLst>
              <a:ext uri="{FF2B5EF4-FFF2-40B4-BE49-F238E27FC236}">
                <a16:creationId xmlns:a16="http://schemas.microsoft.com/office/drawing/2014/main" id="{279EEE06-EF59-4F4C-9265-C105585AE29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Texto Vertical 2">
            <a:extLst>
              <a:ext uri="{FF2B5EF4-FFF2-40B4-BE49-F238E27FC236}">
                <a16:creationId xmlns:a16="http://schemas.microsoft.com/office/drawing/2014/main" id="{D4CEA143-3376-494C-B3C5-64A01B6B197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pt-BR"/>
              <a:t>Clique para editar os estilos de texto Mestres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Data 3">
            <a:extLst>
              <a:ext uri="{FF2B5EF4-FFF2-40B4-BE49-F238E27FC236}">
                <a16:creationId xmlns:a16="http://schemas.microsoft.com/office/drawing/2014/main" id="{A64DA63A-9AB4-48A5-AA10-69339D9193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5" name="Espaço Reservado para Rodapé 4">
            <a:extLst>
              <a:ext uri="{FF2B5EF4-FFF2-40B4-BE49-F238E27FC236}">
                <a16:creationId xmlns:a16="http://schemas.microsoft.com/office/drawing/2014/main" id="{1F3061AB-BE12-4AF8-9538-D691F09167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6" name="Espaço Reservado para Número de Slide 5">
            <a:extLst>
              <a:ext uri="{FF2B5EF4-FFF2-40B4-BE49-F238E27FC236}">
                <a16:creationId xmlns:a16="http://schemas.microsoft.com/office/drawing/2014/main" id="{DA1EB8DE-D7F1-44C9-AAC9-2DDBFD396F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20945588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5951EB40-07ED-4CC8-833B-38B8C562E7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Conteúdo 2">
            <a:extLst>
              <a:ext uri="{FF2B5EF4-FFF2-40B4-BE49-F238E27FC236}">
                <a16:creationId xmlns:a16="http://schemas.microsoft.com/office/drawing/2014/main" id="{944BB351-1DFC-45C4-AFC2-AA938771E10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pt-BR"/>
              <a:t>Clique para editar os estilos de texto Mestres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Data 3">
            <a:extLst>
              <a:ext uri="{FF2B5EF4-FFF2-40B4-BE49-F238E27FC236}">
                <a16:creationId xmlns:a16="http://schemas.microsoft.com/office/drawing/2014/main" id="{49FCFF95-E497-4DA0-8D15-5AACF08DE8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5" name="Espaço Reservado para Rodapé 4">
            <a:extLst>
              <a:ext uri="{FF2B5EF4-FFF2-40B4-BE49-F238E27FC236}">
                <a16:creationId xmlns:a16="http://schemas.microsoft.com/office/drawing/2014/main" id="{36BA668F-47D8-4172-8084-62A482D94D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6" name="Espaço Reservado para Número de Slide 5">
            <a:extLst>
              <a:ext uri="{FF2B5EF4-FFF2-40B4-BE49-F238E27FC236}">
                <a16:creationId xmlns:a16="http://schemas.microsoft.com/office/drawing/2014/main" id="{BE90C1EC-B02F-426C-A65E-DDA996BB1D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308454824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Cabeçalho da Se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750829FA-B11D-4259-A4A4-FA40F98CE4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Texto 2">
            <a:extLst>
              <a:ext uri="{FF2B5EF4-FFF2-40B4-BE49-F238E27FC236}">
                <a16:creationId xmlns:a16="http://schemas.microsoft.com/office/drawing/2014/main" id="{028141D6-29E1-45D8-BED3-E9A8B396D84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pt-BR"/>
              <a:t>Clique para editar os estilos de texto Mestres</a:t>
            </a:r>
          </a:p>
        </p:txBody>
      </p:sp>
      <p:sp>
        <p:nvSpPr>
          <p:cNvPr id="4" name="Espaço Reservado para Data 3">
            <a:extLst>
              <a:ext uri="{FF2B5EF4-FFF2-40B4-BE49-F238E27FC236}">
                <a16:creationId xmlns:a16="http://schemas.microsoft.com/office/drawing/2014/main" id="{53E0C928-7AFA-4B75-9EA8-87B814D56C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5" name="Espaço Reservado para Rodapé 4">
            <a:extLst>
              <a:ext uri="{FF2B5EF4-FFF2-40B4-BE49-F238E27FC236}">
                <a16:creationId xmlns:a16="http://schemas.microsoft.com/office/drawing/2014/main" id="{1A7B0248-2E55-4518-81DE-00FEEB96F5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6" name="Espaço Reservado para Número de Slide 5">
            <a:extLst>
              <a:ext uri="{FF2B5EF4-FFF2-40B4-BE49-F238E27FC236}">
                <a16:creationId xmlns:a16="http://schemas.microsoft.com/office/drawing/2014/main" id="{A3ADCA37-F148-45E1-9671-D721EE2D5F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388570249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as Partes de Conteú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F76F2404-8203-4B92-9D2C-A5F3E79361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Conteúdo 2">
            <a:extLst>
              <a:ext uri="{FF2B5EF4-FFF2-40B4-BE49-F238E27FC236}">
                <a16:creationId xmlns:a16="http://schemas.microsoft.com/office/drawing/2014/main" id="{2DB7474B-02CC-4591-B4AE-3C7320B533F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pt-BR"/>
              <a:t>Clique para editar os estilos de texto Mestres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Conteúdo 3">
            <a:extLst>
              <a:ext uri="{FF2B5EF4-FFF2-40B4-BE49-F238E27FC236}">
                <a16:creationId xmlns:a16="http://schemas.microsoft.com/office/drawing/2014/main" id="{C606F5B1-A2D7-4CA4-A33D-1E4FCCCC2BA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pt-BR"/>
              <a:t>Clique para editar os estilos de texto Mestres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5" name="Espaço Reservado para Data 4">
            <a:extLst>
              <a:ext uri="{FF2B5EF4-FFF2-40B4-BE49-F238E27FC236}">
                <a16:creationId xmlns:a16="http://schemas.microsoft.com/office/drawing/2014/main" id="{DAC60EA4-1787-4FE7-9F25-85721D93E6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6" name="Espaço Reservado para Rodapé 5">
            <a:extLst>
              <a:ext uri="{FF2B5EF4-FFF2-40B4-BE49-F238E27FC236}">
                <a16:creationId xmlns:a16="http://schemas.microsoft.com/office/drawing/2014/main" id="{308B98D2-FD7B-44FC-A54C-084B389F72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7" name="Espaço Reservado para Número de Slide 6">
            <a:extLst>
              <a:ext uri="{FF2B5EF4-FFF2-40B4-BE49-F238E27FC236}">
                <a16:creationId xmlns:a16="http://schemas.microsoft.com/office/drawing/2014/main" id="{4935A4D5-F265-49CF-A35E-B9ADBDA373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7449202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EC7E4039-9CD6-4FDA-8111-66A953447C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Texto 2">
            <a:extLst>
              <a:ext uri="{FF2B5EF4-FFF2-40B4-BE49-F238E27FC236}">
                <a16:creationId xmlns:a16="http://schemas.microsoft.com/office/drawing/2014/main" id="{9D2B6A04-B5ED-4E6E-9602-3A42401BAD3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BR"/>
              <a:t>Clique para editar os estilos de texto Mestres</a:t>
            </a:r>
          </a:p>
        </p:txBody>
      </p:sp>
      <p:sp>
        <p:nvSpPr>
          <p:cNvPr id="4" name="Espaço Reservado para Conteúdo 3">
            <a:extLst>
              <a:ext uri="{FF2B5EF4-FFF2-40B4-BE49-F238E27FC236}">
                <a16:creationId xmlns:a16="http://schemas.microsoft.com/office/drawing/2014/main" id="{C2DA6FE2-FE53-442C-B2B4-98B4642E668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pt-BR"/>
              <a:t>Clique para editar os estilos de texto Mestres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5" name="Espaço Reservado para Texto 4">
            <a:extLst>
              <a:ext uri="{FF2B5EF4-FFF2-40B4-BE49-F238E27FC236}">
                <a16:creationId xmlns:a16="http://schemas.microsoft.com/office/drawing/2014/main" id="{0347F005-0960-40C9-A149-00964700736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BR"/>
              <a:t>Clique para editar os estilos de texto Mestres</a:t>
            </a:r>
          </a:p>
        </p:txBody>
      </p:sp>
      <p:sp>
        <p:nvSpPr>
          <p:cNvPr id="6" name="Espaço Reservado para Conteúdo 5">
            <a:extLst>
              <a:ext uri="{FF2B5EF4-FFF2-40B4-BE49-F238E27FC236}">
                <a16:creationId xmlns:a16="http://schemas.microsoft.com/office/drawing/2014/main" id="{7142491C-72B1-45FD-B74C-D861C571FA7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pt-BR"/>
              <a:t>Clique para editar os estilos de texto Mestres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7" name="Espaço Reservado para Data 6">
            <a:extLst>
              <a:ext uri="{FF2B5EF4-FFF2-40B4-BE49-F238E27FC236}">
                <a16:creationId xmlns:a16="http://schemas.microsoft.com/office/drawing/2014/main" id="{32A30D25-7D6E-43DA-A2E3-A44D3BC481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8" name="Espaço Reservado para Rodapé 7">
            <a:extLst>
              <a:ext uri="{FF2B5EF4-FFF2-40B4-BE49-F238E27FC236}">
                <a16:creationId xmlns:a16="http://schemas.microsoft.com/office/drawing/2014/main" id="{00D0BE55-4D77-4EE1-A360-DDF3CCAC0F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9" name="Espaço Reservado para Número de Slide 8">
            <a:extLst>
              <a:ext uri="{FF2B5EF4-FFF2-40B4-BE49-F238E27FC236}">
                <a16:creationId xmlns:a16="http://schemas.microsoft.com/office/drawing/2014/main" id="{7C754FFB-C5AA-41D4-9F19-A9374F95E9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328417853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ment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A22B5D08-76D9-4AE4-837D-17DBDEC6F9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Data 2">
            <a:extLst>
              <a:ext uri="{FF2B5EF4-FFF2-40B4-BE49-F238E27FC236}">
                <a16:creationId xmlns:a16="http://schemas.microsoft.com/office/drawing/2014/main" id="{DA83DD9A-767C-48AF-A22A-43F9659B6C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4" name="Espaço Reservado para Rodapé 3">
            <a:extLst>
              <a:ext uri="{FF2B5EF4-FFF2-40B4-BE49-F238E27FC236}">
                <a16:creationId xmlns:a16="http://schemas.microsoft.com/office/drawing/2014/main" id="{2E6B442F-ADCF-4C5A-9818-E445A86F89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5" name="Espaço Reservado para Número de Slide 4">
            <a:extLst>
              <a:ext uri="{FF2B5EF4-FFF2-40B4-BE49-F238E27FC236}">
                <a16:creationId xmlns:a16="http://schemas.microsoft.com/office/drawing/2014/main" id="{7DBF110B-6E04-425B-8CE0-4A85E2906F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73515351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>
            <a:extLst>
              <a:ext uri="{FF2B5EF4-FFF2-40B4-BE49-F238E27FC236}">
                <a16:creationId xmlns:a16="http://schemas.microsoft.com/office/drawing/2014/main" id="{3A058AD1-7BB4-4955-BF79-BF834B6F4D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3" name="Espaço Reservado para Rodapé 2">
            <a:extLst>
              <a:ext uri="{FF2B5EF4-FFF2-40B4-BE49-F238E27FC236}">
                <a16:creationId xmlns:a16="http://schemas.microsoft.com/office/drawing/2014/main" id="{30CB5B15-F069-467B-A1BC-FBD5B6A21F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4" name="Espaço Reservado para Número de Slide 3">
            <a:extLst>
              <a:ext uri="{FF2B5EF4-FFF2-40B4-BE49-F238E27FC236}">
                <a16:creationId xmlns:a16="http://schemas.microsoft.com/office/drawing/2014/main" id="{3AA18C6B-6FE2-4117-A38E-D4E29BBB7D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409964756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údo com Le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BF7347E5-8F96-42E1-B0EA-1658E19E7D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Conteúdo 2">
            <a:extLst>
              <a:ext uri="{FF2B5EF4-FFF2-40B4-BE49-F238E27FC236}">
                <a16:creationId xmlns:a16="http://schemas.microsoft.com/office/drawing/2014/main" id="{A4875560-1C3B-4A34-B4CE-442E5B54B4F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pt-BR"/>
              <a:t>Clique para editar os estilos de texto Mestres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Texto 3">
            <a:extLst>
              <a:ext uri="{FF2B5EF4-FFF2-40B4-BE49-F238E27FC236}">
                <a16:creationId xmlns:a16="http://schemas.microsoft.com/office/drawing/2014/main" id="{0E086295-456B-44B3-B205-2D4B56C989E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t-BR"/>
              <a:t>Clique para editar os estilos de texto Mestres</a:t>
            </a:r>
          </a:p>
        </p:txBody>
      </p:sp>
      <p:sp>
        <p:nvSpPr>
          <p:cNvPr id="5" name="Espaço Reservado para Data 4">
            <a:extLst>
              <a:ext uri="{FF2B5EF4-FFF2-40B4-BE49-F238E27FC236}">
                <a16:creationId xmlns:a16="http://schemas.microsoft.com/office/drawing/2014/main" id="{468C09F3-C12D-4B3C-9759-A8EDF7908F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6" name="Espaço Reservado para Rodapé 5">
            <a:extLst>
              <a:ext uri="{FF2B5EF4-FFF2-40B4-BE49-F238E27FC236}">
                <a16:creationId xmlns:a16="http://schemas.microsoft.com/office/drawing/2014/main" id="{BA1B356F-3B90-4318-8601-5B48AC5E99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7" name="Espaço Reservado para Número de Slide 6">
            <a:extLst>
              <a:ext uri="{FF2B5EF4-FFF2-40B4-BE49-F238E27FC236}">
                <a16:creationId xmlns:a16="http://schemas.microsoft.com/office/drawing/2014/main" id="{CE146AF7-26DF-4C22-BBDE-977572EFD18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176983252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m com Le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11A2D7EB-83D9-4018-9B59-1C45268454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Imagem 2">
            <a:extLst>
              <a:ext uri="{FF2B5EF4-FFF2-40B4-BE49-F238E27FC236}">
                <a16:creationId xmlns:a16="http://schemas.microsoft.com/office/drawing/2014/main" id="{81B6966C-28E9-498A-A524-3D06F9E841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pt-BR"/>
          </a:p>
        </p:txBody>
      </p:sp>
      <p:sp>
        <p:nvSpPr>
          <p:cNvPr id="4" name="Espaço Reservado para Texto 3">
            <a:extLst>
              <a:ext uri="{FF2B5EF4-FFF2-40B4-BE49-F238E27FC236}">
                <a16:creationId xmlns:a16="http://schemas.microsoft.com/office/drawing/2014/main" id="{BCEE8DE9-1362-4BA7-A956-893E6C2F613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t-BR"/>
              <a:t>Clique para editar os estilos de texto Mestres</a:t>
            </a:r>
          </a:p>
        </p:txBody>
      </p:sp>
      <p:sp>
        <p:nvSpPr>
          <p:cNvPr id="5" name="Espaço Reservado para Data 4">
            <a:extLst>
              <a:ext uri="{FF2B5EF4-FFF2-40B4-BE49-F238E27FC236}">
                <a16:creationId xmlns:a16="http://schemas.microsoft.com/office/drawing/2014/main" id="{A611BB03-EC50-410F-8786-5777271C73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6" name="Espaço Reservado para Rodapé 5">
            <a:extLst>
              <a:ext uri="{FF2B5EF4-FFF2-40B4-BE49-F238E27FC236}">
                <a16:creationId xmlns:a16="http://schemas.microsoft.com/office/drawing/2014/main" id="{38F648CC-DAB2-48F9-9C5E-8B7A8C4E61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BR"/>
          </a:p>
        </p:txBody>
      </p:sp>
      <p:sp>
        <p:nvSpPr>
          <p:cNvPr id="7" name="Espaço Reservado para Número de Slide 6">
            <a:extLst>
              <a:ext uri="{FF2B5EF4-FFF2-40B4-BE49-F238E27FC236}">
                <a16:creationId xmlns:a16="http://schemas.microsoft.com/office/drawing/2014/main" id="{955353B0-A11B-476B-89D8-FB0C95DC96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14949206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Título 1">
            <a:extLst>
              <a:ext uri="{FF2B5EF4-FFF2-40B4-BE49-F238E27FC236}">
                <a16:creationId xmlns:a16="http://schemas.microsoft.com/office/drawing/2014/main" id="{174AE532-0DBC-433C-BEC1-B9E7BC7B40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pt-BR"/>
              <a:t>Clique para editar o título Mestre</a:t>
            </a:r>
          </a:p>
        </p:txBody>
      </p:sp>
      <p:sp>
        <p:nvSpPr>
          <p:cNvPr id="3" name="Espaço Reservado para Texto 2">
            <a:extLst>
              <a:ext uri="{FF2B5EF4-FFF2-40B4-BE49-F238E27FC236}">
                <a16:creationId xmlns:a16="http://schemas.microsoft.com/office/drawing/2014/main" id="{16BC05BD-F4A3-4DDC-BE57-D2CDCEEC515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pt-BR"/>
              <a:t>Clique para editar os estilos de texto Mestres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Data 3">
            <a:extLst>
              <a:ext uri="{FF2B5EF4-FFF2-40B4-BE49-F238E27FC236}">
                <a16:creationId xmlns:a16="http://schemas.microsoft.com/office/drawing/2014/main" id="{E6E34DE8-64CA-47A2-99C4-F1E297B26CE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0AB0202-F910-4900-8137-5BAA0911BFA2}" type="datetimeFigureOut">
              <a:rPr lang="pt-BR" smtClean="0"/>
              <a:t>19/08/2020</a:t>
            </a:fld>
            <a:endParaRPr lang="pt-BR"/>
          </a:p>
        </p:txBody>
      </p:sp>
      <p:sp>
        <p:nvSpPr>
          <p:cNvPr id="5" name="Espaço Reservado para Rodapé 4">
            <a:extLst>
              <a:ext uri="{FF2B5EF4-FFF2-40B4-BE49-F238E27FC236}">
                <a16:creationId xmlns:a16="http://schemas.microsoft.com/office/drawing/2014/main" id="{596B488B-3A4A-43A8-AE2C-77D012DA2CD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pt-BR"/>
          </a:p>
        </p:txBody>
      </p:sp>
      <p:sp>
        <p:nvSpPr>
          <p:cNvPr id="6" name="Espaço Reservado para Número de Slide 5">
            <a:extLst>
              <a:ext uri="{FF2B5EF4-FFF2-40B4-BE49-F238E27FC236}">
                <a16:creationId xmlns:a16="http://schemas.microsoft.com/office/drawing/2014/main" id="{5255FAFB-05FB-4354-B698-2AF06A878F6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6FC41F9-E285-4FCB-8DDD-E2A18FCC1FE0}" type="slidenum">
              <a:rPr lang="pt-BR" smtClean="0"/>
              <a:t>‹nº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26433799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t-B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32.xml"/><Relationship Id="rId21" Type="http://schemas.openxmlformats.org/officeDocument/2006/relationships/tags" Target="../tags/tag127.xml"/><Relationship Id="rId42" Type="http://schemas.openxmlformats.org/officeDocument/2006/relationships/tags" Target="../tags/tag148.xml"/><Relationship Id="rId47" Type="http://schemas.openxmlformats.org/officeDocument/2006/relationships/tags" Target="../tags/tag153.xml"/><Relationship Id="rId63" Type="http://schemas.openxmlformats.org/officeDocument/2006/relationships/tags" Target="../tags/tag169.xml"/><Relationship Id="rId68" Type="http://schemas.openxmlformats.org/officeDocument/2006/relationships/tags" Target="../tags/tag174.xml"/><Relationship Id="rId84" Type="http://schemas.openxmlformats.org/officeDocument/2006/relationships/tags" Target="../tags/tag190.xml"/><Relationship Id="rId89" Type="http://schemas.openxmlformats.org/officeDocument/2006/relationships/tags" Target="../tags/tag195.xml"/><Relationship Id="rId112" Type="http://schemas.openxmlformats.org/officeDocument/2006/relationships/tags" Target="../tags/tag218.xml"/><Relationship Id="rId16" Type="http://schemas.openxmlformats.org/officeDocument/2006/relationships/tags" Target="../tags/tag122.xml"/><Relationship Id="rId107" Type="http://schemas.openxmlformats.org/officeDocument/2006/relationships/tags" Target="../tags/tag213.xml"/><Relationship Id="rId11" Type="http://schemas.openxmlformats.org/officeDocument/2006/relationships/tags" Target="../tags/tag117.xml"/><Relationship Id="rId32" Type="http://schemas.openxmlformats.org/officeDocument/2006/relationships/tags" Target="../tags/tag138.xml"/><Relationship Id="rId37" Type="http://schemas.openxmlformats.org/officeDocument/2006/relationships/tags" Target="../tags/tag143.xml"/><Relationship Id="rId53" Type="http://schemas.openxmlformats.org/officeDocument/2006/relationships/tags" Target="../tags/tag159.xml"/><Relationship Id="rId58" Type="http://schemas.openxmlformats.org/officeDocument/2006/relationships/tags" Target="../tags/tag164.xml"/><Relationship Id="rId74" Type="http://schemas.openxmlformats.org/officeDocument/2006/relationships/tags" Target="../tags/tag180.xml"/><Relationship Id="rId79" Type="http://schemas.openxmlformats.org/officeDocument/2006/relationships/tags" Target="../tags/tag185.xml"/><Relationship Id="rId102" Type="http://schemas.openxmlformats.org/officeDocument/2006/relationships/tags" Target="../tags/tag208.xml"/><Relationship Id="rId5" Type="http://schemas.openxmlformats.org/officeDocument/2006/relationships/tags" Target="../tags/tag111.xml"/><Relationship Id="rId90" Type="http://schemas.openxmlformats.org/officeDocument/2006/relationships/tags" Target="../tags/tag196.xml"/><Relationship Id="rId95" Type="http://schemas.openxmlformats.org/officeDocument/2006/relationships/tags" Target="../tags/tag201.xml"/><Relationship Id="rId22" Type="http://schemas.openxmlformats.org/officeDocument/2006/relationships/tags" Target="../tags/tag128.xml"/><Relationship Id="rId27" Type="http://schemas.openxmlformats.org/officeDocument/2006/relationships/tags" Target="../tags/tag133.xml"/><Relationship Id="rId43" Type="http://schemas.openxmlformats.org/officeDocument/2006/relationships/tags" Target="../tags/tag149.xml"/><Relationship Id="rId48" Type="http://schemas.openxmlformats.org/officeDocument/2006/relationships/tags" Target="../tags/tag154.xml"/><Relationship Id="rId64" Type="http://schemas.openxmlformats.org/officeDocument/2006/relationships/tags" Target="../tags/tag170.xml"/><Relationship Id="rId69" Type="http://schemas.openxmlformats.org/officeDocument/2006/relationships/tags" Target="../tags/tag175.xml"/><Relationship Id="rId113" Type="http://schemas.openxmlformats.org/officeDocument/2006/relationships/tags" Target="../tags/tag219.xml"/><Relationship Id="rId80" Type="http://schemas.openxmlformats.org/officeDocument/2006/relationships/tags" Target="../tags/tag186.xml"/><Relationship Id="rId85" Type="http://schemas.openxmlformats.org/officeDocument/2006/relationships/tags" Target="../tags/tag191.xml"/><Relationship Id="rId12" Type="http://schemas.openxmlformats.org/officeDocument/2006/relationships/tags" Target="../tags/tag118.xml"/><Relationship Id="rId17" Type="http://schemas.openxmlformats.org/officeDocument/2006/relationships/tags" Target="../tags/tag123.xml"/><Relationship Id="rId33" Type="http://schemas.openxmlformats.org/officeDocument/2006/relationships/tags" Target="../tags/tag139.xml"/><Relationship Id="rId38" Type="http://schemas.openxmlformats.org/officeDocument/2006/relationships/tags" Target="../tags/tag144.xml"/><Relationship Id="rId59" Type="http://schemas.openxmlformats.org/officeDocument/2006/relationships/tags" Target="../tags/tag165.xml"/><Relationship Id="rId103" Type="http://schemas.openxmlformats.org/officeDocument/2006/relationships/tags" Target="../tags/tag209.xml"/><Relationship Id="rId108" Type="http://schemas.openxmlformats.org/officeDocument/2006/relationships/tags" Target="../tags/tag214.xml"/><Relationship Id="rId54" Type="http://schemas.openxmlformats.org/officeDocument/2006/relationships/tags" Target="../tags/tag160.xml"/><Relationship Id="rId70" Type="http://schemas.openxmlformats.org/officeDocument/2006/relationships/tags" Target="../tags/tag176.xml"/><Relationship Id="rId75" Type="http://schemas.openxmlformats.org/officeDocument/2006/relationships/tags" Target="../tags/tag181.xml"/><Relationship Id="rId91" Type="http://schemas.openxmlformats.org/officeDocument/2006/relationships/tags" Target="../tags/tag197.xml"/><Relationship Id="rId96" Type="http://schemas.openxmlformats.org/officeDocument/2006/relationships/tags" Target="../tags/tag202.xml"/><Relationship Id="rId1" Type="http://schemas.openxmlformats.org/officeDocument/2006/relationships/tags" Target="../tags/tag107.xml"/><Relationship Id="rId6" Type="http://schemas.openxmlformats.org/officeDocument/2006/relationships/tags" Target="../tags/tag112.xml"/><Relationship Id="rId15" Type="http://schemas.openxmlformats.org/officeDocument/2006/relationships/tags" Target="../tags/tag121.xml"/><Relationship Id="rId23" Type="http://schemas.openxmlformats.org/officeDocument/2006/relationships/tags" Target="../tags/tag129.xml"/><Relationship Id="rId28" Type="http://schemas.openxmlformats.org/officeDocument/2006/relationships/tags" Target="../tags/tag134.xml"/><Relationship Id="rId36" Type="http://schemas.openxmlformats.org/officeDocument/2006/relationships/tags" Target="../tags/tag142.xml"/><Relationship Id="rId49" Type="http://schemas.openxmlformats.org/officeDocument/2006/relationships/tags" Target="../tags/tag155.xml"/><Relationship Id="rId57" Type="http://schemas.openxmlformats.org/officeDocument/2006/relationships/tags" Target="../tags/tag163.xml"/><Relationship Id="rId106" Type="http://schemas.openxmlformats.org/officeDocument/2006/relationships/tags" Target="../tags/tag212.xml"/><Relationship Id="rId114" Type="http://schemas.openxmlformats.org/officeDocument/2006/relationships/tags" Target="../tags/tag220.xml"/><Relationship Id="rId10" Type="http://schemas.openxmlformats.org/officeDocument/2006/relationships/tags" Target="../tags/tag116.xml"/><Relationship Id="rId31" Type="http://schemas.openxmlformats.org/officeDocument/2006/relationships/tags" Target="../tags/tag137.xml"/><Relationship Id="rId44" Type="http://schemas.openxmlformats.org/officeDocument/2006/relationships/tags" Target="../tags/tag150.xml"/><Relationship Id="rId52" Type="http://schemas.openxmlformats.org/officeDocument/2006/relationships/tags" Target="../tags/tag158.xml"/><Relationship Id="rId60" Type="http://schemas.openxmlformats.org/officeDocument/2006/relationships/tags" Target="../tags/tag166.xml"/><Relationship Id="rId65" Type="http://schemas.openxmlformats.org/officeDocument/2006/relationships/tags" Target="../tags/tag171.xml"/><Relationship Id="rId73" Type="http://schemas.openxmlformats.org/officeDocument/2006/relationships/tags" Target="../tags/tag179.xml"/><Relationship Id="rId78" Type="http://schemas.openxmlformats.org/officeDocument/2006/relationships/tags" Target="../tags/tag184.xml"/><Relationship Id="rId81" Type="http://schemas.openxmlformats.org/officeDocument/2006/relationships/tags" Target="../tags/tag187.xml"/><Relationship Id="rId86" Type="http://schemas.openxmlformats.org/officeDocument/2006/relationships/tags" Target="../tags/tag192.xml"/><Relationship Id="rId94" Type="http://schemas.openxmlformats.org/officeDocument/2006/relationships/tags" Target="../tags/tag200.xml"/><Relationship Id="rId99" Type="http://schemas.openxmlformats.org/officeDocument/2006/relationships/tags" Target="../tags/tag205.xml"/><Relationship Id="rId101" Type="http://schemas.openxmlformats.org/officeDocument/2006/relationships/tags" Target="../tags/tag207.xml"/><Relationship Id="rId4" Type="http://schemas.openxmlformats.org/officeDocument/2006/relationships/tags" Target="../tags/tag110.xml"/><Relationship Id="rId9" Type="http://schemas.openxmlformats.org/officeDocument/2006/relationships/tags" Target="../tags/tag115.xml"/><Relationship Id="rId13" Type="http://schemas.openxmlformats.org/officeDocument/2006/relationships/tags" Target="../tags/tag119.xml"/><Relationship Id="rId18" Type="http://schemas.openxmlformats.org/officeDocument/2006/relationships/tags" Target="../tags/tag124.xml"/><Relationship Id="rId39" Type="http://schemas.openxmlformats.org/officeDocument/2006/relationships/tags" Target="../tags/tag145.xml"/><Relationship Id="rId109" Type="http://schemas.openxmlformats.org/officeDocument/2006/relationships/tags" Target="../tags/tag215.xml"/><Relationship Id="rId34" Type="http://schemas.openxmlformats.org/officeDocument/2006/relationships/tags" Target="../tags/tag140.xml"/><Relationship Id="rId50" Type="http://schemas.openxmlformats.org/officeDocument/2006/relationships/tags" Target="../tags/tag156.xml"/><Relationship Id="rId55" Type="http://schemas.openxmlformats.org/officeDocument/2006/relationships/tags" Target="../tags/tag161.xml"/><Relationship Id="rId76" Type="http://schemas.openxmlformats.org/officeDocument/2006/relationships/tags" Target="../tags/tag182.xml"/><Relationship Id="rId97" Type="http://schemas.openxmlformats.org/officeDocument/2006/relationships/tags" Target="../tags/tag203.xml"/><Relationship Id="rId104" Type="http://schemas.openxmlformats.org/officeDocument/2006/relationships/tags" Target="../tags/tag210.xml"/><Relationship Id="rId7" Type="http://schemas.openxmlformats.org/officeDocument/2006/relationships/tags" Target="../tags/tag113.xml"/><Relationship Id="rId71" Type="http://schemas.openxmlformats.org/officeDocument/2006/relationships/tags" Target="../tags/tag177.xml"/><Relationship Id="rId92" Type="http://schemas.openxmlformats.org/officeDocument/2006/relationships/tags" Target="../tags/tag198.xml"/><Relationship Id="rId2" Type="http://schemas.openxmlformats.org/officeDocument/2006/relationships/tags" Target="../tags/tag108.xml"/><Relationship Id="rId29" Type="http://schemas.openxmlformats.org/officeDocument/2006/relationships/tags" Target="../tags/tag135.xml"/><Relationship Id="rId24" Type="http://schemas.openxmlformats.org/officeDocument/2006/relationships/tags" Target="../tags/tag130.xml"/><Relationship Id="rId40" Type="http://schemas.openxmlformats.org/officeDocument/2006/relationships/tags" Target="../tags/tag146.xml"/><Relationship Id="rId45" Type="http://schemas.openxmlformats.org/officeDocument/2006/relationships/tags" Target="../tags/tag151.xml"/><Relationship Id="rId66" Type="http://schemas.openxmlformats.org/officeDocument/2006/relationships/tags" Target="../tags/tag172.xml"/><Relationship Id="rId87" Type="http://schemas.openxmlformats.org/officeDocument/2006/relationships/tags" Target="../tags/tag193.xml"/><Relationship Id="rId110" Type="http://schemas.openxmlformats.org/officeDocument/2006/relationships/tags" Target="../tags/tag216.xml"/><Relationship Id="rId115" Type="http://schemas.openxmlformats.org/officeDocument/2006/relationships/slideLayout" Target="../slideLayouts/slideLayout7.xml"/><Relationship Id="rId61" Type="http://schemas.openxmlformats.org/officeDocument/2006/relationships/tags" Target="../tags/tag167.xml"/><Relationship Id="rId82" Type="http://schemas.openxmlformats.org/officeDocument/2006/relationships/tags" Target="../tags/tag188.xml"/><Relationship Id="rId19" Type="http://schemas.openxmlformats.org/officeDocument/2006/relationships/tags" Target="../tags/tag125.xml"/><Relationship Id="rId14" Type="http://schemas.openxmlformats.org/officeDocument/2006/relationships/tags" Target="../tags/tag120.xml"/><Relationship Id="rId30" Type="http://schemas.openxmlformats.org/officeDocument/2006/relationships/tags" Target="../tags/tag136.xml"/><Relationship Id="rId35" Type="http://schemas.openxmlformats.org/officeDocument/2006/relationships/tags" Target="../tags/tag141.xml"/><Relationship Id="rId56" Type="http://schemas.openxmlformats.org/officeDocument/2006/relationships/tags" Target="../tags/tag162.xml"/><Relationship Id="rId77" Type="http://schemas.openxmlformats.org/officeDocument/2006/relationships/tags" Target="../tags/tag183.xml"/><Relationship Id="rId100" Type="http://schemas.openxmlformats.org/officeDocument/2006/relationships/tags" Target="../tags/tag206.xml"/><Relationship Id="rId105" Type="http://schemas.openxmlformats.org/officeDocument/2006/relationships/tags" Target="../tags/tag211.xml"/><Relationship Id="rId8" Type="http://schemas.openxmlformats.org/officeDocument/2006/relationships/tags" Target="../tags/tag114.xml"/><Relationship Id="rId51" Type="http://schemas.openxmlformats.org/officeDocument/2006/relationships/tags" Target="../tags/tag157.xml"/><Relationship Id="rId72" Type="http://schemas.openxmlformats.org/officeDocument/2006/relationships/tags" Target="../tags/tag178.xml"/><Relationship Id="rId93" Type="http://schemas.openxmlformats.org/officeDocument/2006/relationships/tags" Target="../tags/tag199.xml"/><Relationship Id="rId98" Type="http://schemas.openxmlformats.org/officeDocument/2006/relationships/tags" Target="../tags/tag204.xml"/><Relationship Id="rId3" Type="http://schemas.openxmlformats.org/officeDocument/2006/relationships/tags" Target="../tags/tag109.xml"/><Relationship Id="rId25" Type="http://schemas.openxmlformats.org/officeDocument/2006/relationships/tags" Target="../tags/tag131.xml"/><Relationship Id="rId46" Type="http://schemas.openxmlformats.org/officeDocument/2006/relationships/tags" Target="../tags/tag152.xml"/><Relationship Id="rId67" Type="http://schemas.openxmlformats.org/officeDocument/2006/relationships/tags" Target="../tags/tag173.xml"/><Relationship Id="rId20" Type="http://schemas.openxmlformats.org/officeDocument/2006/relationships/tags" Target="../tags/tag126.xml"/><Relationship Id="rId41" Type="http://schemas.openxmlformats.org/officeDocument/2006/relationships/tags" Target="../tags/tag147.xml"/><Relationship Id="rId62" Type="http://schemas.openxmlformats.org/officeDocument/2006/relationships/tags" Target="../tags/tag168.xml"/><Relationship Id="rId83" Type="http://schemas.openxmlformats.org/officeDocument/2006/relationships/tags" Target="../tags/tag189.xml"/><Relationship Id="rId88" Type="http://schemas.openxmlformats.org/officeDocument/2006/relationships/tags" Target="../tags/tag194.xml"/><Relationship Id="rId111" Type="http://schemas.openxmlformats.org/officeDocument/2006/relationships/tags" Target="../tags/tag21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228.xml"/><Relationship Id="rId13" Type="http://schemas.openxmlformats.org/officeDocument/2006/relationships/tags" Target="../tags/tag233.xml"/><Relationship Id="rId18" Type="http://schemas.openxmlformats.org/officeDocument/2006/relationships/tags" Target="../tags/tag238.xml"/><Relationship Id="rId26" Type="http://schemas.openxmlformats.org/officeDocument/2006/relationships/tags" Target="../tags/tag246.xml"/><Relationship Id="rId3" Type="http://schemas.openxmlformats.org/officeDocument/2006/relationships/tags" Target="../tags/tag223.xml"/><Relationship Id="rId21" Type="http://schemas.openxmlformats.org/officeDocument/2006/relationships/tags" Target="../tags/tag241.xml"/><Relationship Id="rId7" Type="http://schemas.openxmlformats.org/officeDocument/2006/relationships/tags" Target="../tags/tag227.xml"/><Relationship Id="rId12" Type="http://schemas.openxmlformats.org/officeDocument/2006/relationships/tags" Target="../tags/tag232.xml"/><Relationship Id="rId17" Type="http://schemas.openxmlformats.org/officeDocument/2006/relationships/tags" Target="../tags/tag237.xml"/><Relationship Id="rId25" Type="http://schemas.openxmlformats.org/officeDocument/2006/relationships/tags" Target="../tags/tag245.xml"/><Relationship Id="rId2" Type="http://schemas.openxmlformats.org/officeDocument/2006/relationships/tags" Target="../tags/tag222.xml"/><Relationship Id="rId16" Type="http://schemas.openxmlformats.org/officeDocument/2006/relationships/tags" Target="../tags/tag236.xml"/><Relationship Id="rId20" Type="http://schemas.openxmlformats.org/officeDocument/2006/relationships/tags" Target="../tags/tag240.xml"/><Relationship Id="rId29" Type="http://schemas.openxmlformats.org/officeDocument/2006/relationships/slideLayout" Target="../slideLayouts/slideLayout7.xml"/><Relationship Id="rId1" Type="http://schemas.openxmlformats.org/officeDocument/2006/relationships/tags" Target="../tags/tag221.xml"/><Relationship Id="rId6" Type="http://schemas.openxmlformats.org/officeDocument/2006/relationships/tags" Target="../tags/tag226.xml"/><Relationship Id="rId11" Type="http://schemas.openxmlformats.org/officeDocument/2006/relationships/tags" Target="../tags/tag231.xml"/><Relationship Id="rId24" Type="http://schemas.openxmlformats.org/officeDocument/2006/relationships/tags" Target="../tags/tag244.xml"/><Relationship Id="rId5" Type="http://schemas.openxmlformats.org/officeDocument/2006/relationships/tags" Target="../tags/tag225.xml"/><Relationship Id="rId15" Type="http://schemas.openxmlformats.org/officeDocument/2006/relationships/tags" Target="../tags/tag235.xml"/><Relationship Id="rId23" Type="http://schemas.openxmlformats.org/officeDocument/2006/relationships/tags" Target="../tags/tag243.xml"/><Relationship Id="rId28" Type="http://schemas.openxmlformats.org/officeDocument/2006/relationships/tags" Target="../tags/tag248.xml"/><Relationship Id="rId10" Type="http://schemas.openxmlformats.org/officeDocument/2006/relationships/tags" Target="../tags/tag230.xml"/><Relationship Id="rId19" Type="http://schemas.openxmlformats.org/officeDocument/2006/relationships/tags" Target="../tags/tag239.xml"/><Relationship Id="rId4" Type="http://schemas.openxmlformats.org/officeDocument/2006/relationships/tags" Target="../tags/tag224.xml"/><Relationship Id="rId9" Type="http://schemas.openxmlformats.org/officeDocument/2006/relationships/tags" Target="../tags/tag229.xml"/><Relationship Id="rId14" Type="http://schemas.openxmlformats.org/officeDocument/2006/relationships/tags" Target="../tags/tag234.xml"/><Relationship Id="rId22" Type="http://schemas.openxmlformats.org/officeDocument/2006/relationships/tags" Target="../tags/tag242.xml"/><Relationship Id="rId27" Type="http://schemas.openxmlformats.org/officeDocument/2006/relationships/tags" Target="../tags/tag24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E823DFA7-4DC8-4D08-BF37-CAF5740975F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BR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A7DA23D-0E6F-40FF-B589-71FDC5A06A8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BR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pt-BR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41" name="OTLSHAPE_T_c6c12cc4e61e4af28607156788f306db_HorizontalConnector1">
            <a:extLst>
              <a:ext uri="{FF2B5EF4-FFF2-40B4-BE49-F238E27FC236}">
                <a16:creationId xmlns:a16="http://schemas.microsoft.com/office/drawing/2014/main" id="{A838471F-21CD-4A3C-AC24-63FECB3B510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66996" y="2438400"/>
            <a:ext cx="80993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db17298516f4d2d907c8edc831c7565_HorizontalConnector1">
            <a:extLst>
              <a:ext uri="{FF2B5EF4-FFF2-40B4-BE49-F238E27FC236}">
                <a16:creationId xmlns:a16="http://schemas.microsoft.com/office/drawing/2014/main" id="{DDC3BD96-ECA7-404D-BABD-45C2EB23154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977771" y="2705100"/>
            <a:ext cx="10966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149ba0e1594746338a59208533d0472f_HorizontalConnector1">
            <a:extLst>
              <a:ext uri="{FF2B5EF4-FFF2-40B4-BE49-F238E27FC236}">
                <a16:creationId xmlns:a16="http://schemas.microsoft.com/office/drawing/2014/main" id="{A97E6800-0BA7-4A48-8677-19E273E11D5F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49647" y="2971800"/>
            <a:ext cx="285256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4a4cedda927c4fa6b7e62fcfce91eee4_HorizontalConnector1">
            <a:extLst>
              <a:ext uri="{FF2B5EF4-FFF2-40B4-BE49-F238E27FC236}">
                <a16:creationId xmlns:a16="http://schemas.microsoft.com/office/drawing/2014/main" id="{8E13946C-2657-4A91-9CB8-DBAF487C8B4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104475" y="3238500"/>
            <a:ext cx="28125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fa49dbcfb56a4495b355fc5116e77410_HorizontalConnector1">
            <a:extLst>
              <a:ext uri="{FF2B5EF4-FFF2-40B4-BE49-F238E27FC236}">
                <a16:creationId xmlns:a16="http://schemas.microsoft.com/office/drawing/2014/main" id="{069E0AE4-7FE7-471C-80F3-A211553E6BC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49647" y="3505200"/>
            <a:ext cx="51431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bbd57575a5894a47a0f8011eec140e88_HorizontalConnector1">
            <a:extLst>
              <a:ext uri="{FF2B5EF4-FFF2-40B4-BE49-F238E27FC236}">
                <a16:creationId xmlns:a16="http://schemas.microsoft.com/office/drawing/2014/main" id="{E95EADA6-D739-4AAE-B05A-CBCF6DED15A6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104475" y="3771900"/>
            <a:ext cx="415995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6873c35020b44c88867cfdfd816e3139_HorizontalConnector1">
            <a:extLst>
              <a:ext uri="{FF2B5EF4-FFF2-40B4-BE49-F238E27FC236}">
                <a16:creationId xmlns:a16="http://schemas.microsoft.com/office/drawing/2014/main" id="{2B0AE9F3-E425-47D4-8F84-14687CCD5AFD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49647" y="4038600"/>
            <a:ext cx="702954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61f7033581034b4182db132415435111_HorizontalConnector1">
            <a:extLst>
              <a:ext uri="{FF2B5EF4-FFF2-40B4-BE49-F238E27FC236}">
                <a16:creationId xmlns:a16="http://schemas.microsoft.com/office/drawing/2014/main" id="{360CA38B-527E-4B9E-8AFC-690D3D24136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2104475" y="4305300"/>
            <a:ext cx="69894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T_0fa0dd3188e94227901354b8118e82b8_HorizontalConnector1">
            <a:extLst>
              <a:ext uri="{FF2B5EF4-FFF2-40B4-BE49-F238E27FC236}">
                <a16:creationId xmlns:a16="http://schemas.microsoft.com/office/drawing/2014/main" id="{39009792-848A-4D06-AF0C-5D19CB85981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49647" y="4572000"/>
            <a:ext cx="891590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_6df8bf6252ad4e7884f8cf09b1f6c6b0_HorizontalConnector1">
            <a:extLst>
              <a:ext uri="{FF2B5EF4-FFF2-40B4-BE49-F238E27FC236}">
                <a16:creationId xmlns:a16="http://schemas.microsoft.com/office/drawing/2014/main" id="{2A697577-4A97-41C3-9A3E-1434AC430D3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104475" y="4838700"/>
            <a:ext cx="840426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2002DC3-2B9F-4A31-BEAE-1329BBE3DC7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51435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DD8717BB-415F-4B7C-B349-1D67CE0B115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6" name="OTLSHAPE_TB_00000000000000000000000000000000_TodayMarkerShape" hidden="1">
            <a:extLst>
              <a:ext uri="{FF2B5EF4-FFF2-40B4-BE49-F238E27FC236}">
                <a16:creationId xmlns:a16="http://schemas.microsoft.com/office/drawing/2014/main" id="{4A6C48D0-4131-4619-B037-DFD86B4D220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5513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3E4579F-7170-4B2C-A8E3-F771D4817F3E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73065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pt-BR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0FD633CF-4464-4888-A269-51348984AB1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316153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pt-BR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TodayMarkerText" hidden="1">
            <a:extLst>
              <a:ext uri="{FF2B5EF4-FFF2-40B4-BE49-F238E27FC236}">
                <a16:creationId xmlns:a16="http://schemas.microsoft.com/office/drawing/2014/main" id="{C294CBFF-7006-4F87-9F8D-57BB3213B74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B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6" name="OTLSHAPE_TB_00000000000000000000000000000000_TimescaleInterval3">
            <a:extLst>
              <a:ext uri="{FF2B5EF4-FFF2-40B4-BE49-F238E27FC236}">
                <a16:creationId xmlns:a16="http://schemas.microsoft.com/office/drawing/2014/main" id="{6215A0E5-9A60-4416-ADE0-659491C7215E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5182635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8" name="OTLSHAPE_TB_00000000000000000000000000000000_TimescaleInterval4">
            <a:extLst>
              <a:ext uri="{FF2B5EF4-FFF2-40B4-BE49-F238E27FC236}">
                <a16:creationId xmlns:a16="http://schemas.microsoft.com/office/drawing/2014/main" id="{F8C37710-6214-4D26-8140-1706DD0E321E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271105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0" name="OTLSHAPE_TB_00000000000000000000000000000000_TimescaleInterval5">
            <a:extLst>
              <a:ext uri="{FF2B5EF4-FFF2-40B4-BE49-F238E27FC236}">
                <a16:creationId xmlns:a16="http://schemas.microsoft.com/office/drawing/2014/main" id="{CC88B527-00CC-4957-B0FF-AB4FBE2173FD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9359575" y="52409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0DCC9BD-8956-4294-A99A-FEE91BA7A3E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3098035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2">
            <a:extLst>
              <a:ext uri="{FF2B5EF4-FFF2-40B4-BE49-F238E27FC236}">
                <a16:creationId xmlns:a16="http://schemas.microsoft.com/office/drawing/2014/main" id="{AD71A25B-0DE2-4674-94E6-09586386DD5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5119134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3">
            <a:extLst>
              <a:ext uri="{FF2B5EF4-FFF2-40B4-BE49-F238E27FC236}">
                <a16:creationId xmlns:a16="http://schemas.microsoft.com/office/drawing/2014/main" id="{37C11D45-8A6B-4D9E-970B-B689E2719DC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207604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Separator4">
            <a:extLst>
              <a:ext uri="{FF2B5EF4-FFF2-40B4-BE49-F238E27FC236}">
                <a16:creationId xmlns:a16="http://schemas.microsoft.com/office/drawing/2014/main" id="{87903E5E-9E92-40AD-902B-9E2BACB7A757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9296074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T_c6c12cc4e61e4af28607156788f306db_Shape">
            <a:extLst>
              <a:ext uri="{FF2B5EF4-FFF2-40B4-BE49-F238E27FC236}">
                <a16:creationId xmlns:a16="http://schemas.microsoft.com/office/drawing/2014/main" id="{B8515703-CB47-456C-93A0-DB22D38D661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76935" y="2336800"/>
            <a:ext cx="203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59" name="OTLSHAPE_T_adb17298516f4d2d907c8edc831c7565_Shape">
            <a:extLst>
              <a:ext uri="{FF2B5EF4-FFF2-40B4-BE49-F238E27FC236}">
                <a16:creationId xmlns:a16="http://schemas.microsoft.com/office/drawing/2014/main" id="{CB520BE8-6F6F-4D4B-A524-2610FEB1080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087438" y="2603500"/>
            <a:ext cx="139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67" name="OTLSHAPE_T_149ba0e1594746338a59208533d0472f_Shape">
            <a:extLst>
              <a:ext uri="{FF2B5EF4-FFF2-40B4-BE49-F238E27FC236}">
                <a16:creationId xmlns:a16="http://schemas.microsoft.com/office/drawing/2014/main" id="{A1142CDA-4B52-422A-B981-CA00D94C67E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502209" y="2870200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75" name="OTLSHAPE_T_4a4cedda927c4fa6b7e62fcfce91eee4_Shape">
            <a:extLst>
              <a:ext uri="{FF2B5EF4-FFF2-40B4-BE49-F238E27FC236}">
                <a16:creationId xmlns:a16="http://schemas.microsoft.com/office/drawing/2014/main" id="{7342D88B-24A6-4C79-B05C-983CC541782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916979" y="3136900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83" name="OTLSHAPE_T_fa49dbcfb56a4495b355fc5116e77410_Shape">
            <a:extLst>
              <a:ext uri="{FF2B5EF4-FFF2-40B4-BE49-F238E27FC236}">
                <a16:creationId xmlns:a16="http://schemas.microsoft.com/office/drawing/2014/main" id="{42BEC7FE-905B-4610-9C3F-892E4DC77FF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792836" y="3403600"/>
            <a:ext cx="139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91" name="OTLSHAPE_T_bbd57575a5894a47a0f8011eec140e88_Shape">
            <a:extLst>
              <a:ext uri="{FF2B5EF4-FFF2-40B4-BE49-F238E27FC236}">
                <a16:creationId xmlns:a16="http://schemas.microsoft.com/office/drawing/2014/main" id="{6856E962-71CF-4EC8-8A92-5579D71C449D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264425" y="3670300"/>
            <a:ext cx="203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99" name="OTLSHAPE_T_6873c35020b44c88867cfdfd816e3139_Shape">
            <a:extLst>
              <a:ext uri="{FF2B5EF4-FFF2-40B4-BE49-F238E27FC236}">
                <a16:creationId xmlns:a16="http://schemas.microsoft.com/office/drawing/2014/main" id="{58C606EE-9933-4960-B923-3840D0E2C0B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679196" y="3937000"/>
            <a:ext cx="203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107" name="OTLSHAPE_T_61f7033581034b4182db132415435111_Shape">
            <a:extLst>
              <a:ext uri="{FF2B5EF4-FFF2-40B4-BE49-F238E27FC236}">
                <a16:creationId xmlns:a16="http://schemas.microsoft.com/office/drawing/2014/main" id="{D734BEB9-9717-4CA9-A4E9-CAEA219C0E3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093965" y="4203700"/>
            <a:ext cx="203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115" name="OTLSHAPE_T_0fa0dd3188e94227901354b8118e82b8_Shape">
            <a:extLst>
              <a:ext uri="{FF2B5EF4-FFF2-40B4-BE49-F238E27FC236}">
                <a16:creationId xmlns:a16="http://schemas.microsoft.com/office/drawing/2014/main" id="{CBA00676-384B-456E-A7EA-3A05873C5A51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565556" y="4470400"/>
            <a:ext cx="203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123" name="OTLSHAPE_T_6df8bf6252ad4e7884f8cf09b1f6c6b0_Shape">
            <a:extLst>
              <a:ext uri="{FF2B5EF4-FFF2-40B4-BE49-F238E27FC236}">
                <a16:creationId xmlns:a16="http://schemas.microsoft.com/office/drawing/2014/main" id="{45E68E41-9B48-492E-B7A2-62A63C76D29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508735" y="4737100"/>
            <a:ext cx="203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52" name="OTLSHAPE_T_c6c12cc4e61e4af28607156788f306db_ShapePercentage" hidden="1">
            <a:extLst>
              <a:ext uri="{FF2B5EF4-FFF2-40B4-BE49-F238E27FC236}">
                <a16:creationId xmlns:a16="http://schemas.microsoft.com/office/drawing/2014/main" id="{1D967938-093E-49FB-97B7-6A4496871D3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76935" y="23368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60" name="OTLSHAPE_T_adb17298516f4d2d907c8edc831c7565_ShapePercentage" hidden="1">
            <a:extLst>
              <a:ext uri="{FF2B5EF4-FFF2-40B4-BE49-F238E27FC236}">
                <a16:creationId xmlns:a16="http://schemas.microsoft.com/office/drawing/2014/main" id="{C5E8AC3D-7061-45D5-A58C-F5D0D0C0F7E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087438" y="26035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68" name="OTLSHAPE_T_149ba0e1594746338a59208533d0472f_ShapePercentage" hidden="1">
            <a:extLst>
              <a:ext uri="{FF2B5EF4-FFF2-40B4-BE49-F238E27FC236}">
                <a16:creationId xmlns:a16="http://schemas.microsoft.com/office/drawing/2014/main" id="{EF38607D-BF01-4618-9689-5A291F0A412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502209" y="28702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76" name="OTLSHAPE_T_4a4cedda927c4fa6b7e62fcfce91eee4_ShapePercentage" hidden="1">
            <a:extLst>
              <a:ext uri="{FF2B5EF4-FFF2-40B4-BE49-F238E27FC236}">
                <a16:creationId xmlns:a16="http://schemas.microsoft.com/office/drawing/2014/main" id="{534E02DE-9ECA-4B3D-A342-12E0DAA7888A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916979" y="31369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84" name="OTLSHAPE_T_fa49dbcfb56a4495b355fc5116e77410_ShapePercentage" hidden="1">
            <a:extLst>
              <a:ext uri="{FF2B5EF4-FFF2-40B4-BE49-F238E27FC236}">
                <a16:creationId xmlns:a16="http://schemas.microsoft.com/office/drawing/2014/main" id="{67E13F89-F875-4760-AB64-A4ACB516A7D5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792836" y="34036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92" name="OTLSHAPE_T_bbd57575a5894a47a0f8011eec140e88_ShapePercentage" hidden="1">
            <a:extLst>
              <a:ext uri="{FF2B5EF4-FFF2-40B4-BE49-F238E27FC236}">
                <a16:creationId xmlns:a16="http://schemas.microsoft.com/office/drawing/2014/main" id="{3094BC37-72F7-4E62-9F77-18DAAF52CD4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264425" y="36703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100" name="OTLSHAPE_T_6873c35020b44c88867cfdfd816e3139_ShapePercentage" hidden="1">
            <a:extLst>
              <a:ext uri="{FF2B5EF4-FFF2-40B4-BE49-F238E27FC236}">
                <a16:creationId xmlns:a16="http://schemas.microsoft.com/office/drawing/2014/main" id="{E8E1E218-A839-4914-A324-14AC76003A3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7679196" y="39370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108" name="OTLSHAPE_T_61f7033581034b4182db132415435111_ShapePercentage" hidden="1">
            <a:extLst>
              <a:ext uri="{FF2B5EF4-FFF2-40B4-BE49-F238E27FC236}">
                <a16:creationId xmlns:a16="http://schemas.microsoft.com/office/drawing/2014/main" id="{E6556EE6-4FE3-4145-A986-3BFBC0754B5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093965" y="4203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116" name="OTLSHAPE_T_0fa0dd3188e94227901354b8118e82b8_ShapePercentage" hidden="1">
            <a:extLst>
              <a:ext uri="{FF2B5EF4-FFF2-40B4-BE49-F238E27FC236}">
                <a16:creationId xmlns:a16="http://schemas.microsoft.com/office/drawing/2014/main" id="{5BFB4963-2B97-415B-A94B-144EDBFD9D1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9565556" y="44704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124" name="OTLSHAPE_T_6df8bf6252ad4e7884f8cf09b1f6c6b0_ShapePercentage" hidden="1">
            <a:extLst>
              <a:ext uri="{FF2B5EF4-FFF2-40B4-BE49-F238E27FC236}">
                <a16:creationId xmlns:a16="http://schemas.microsoft.com/office/drawing/2014/main" id="{1D7EE891-D076-4B9E-B64B-A6B5969E8E4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508735" y="47371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53" name="OTLSHAPE_T_c6c12cc4e61e4af28607156788f306db_Duration" hidden="1">
            <a:extLst>
              <a:ext uri="{FF2B5EF4-FFF2-40B4-BE49-F238E27FC236}">
                <a16:creationId xmlns:a16="http://schemas.microsoft.com/office/drawing/2014/main" id="{35F2145C-58FE-47F7-88C6-7E2458E482C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54" name="OTLSHAPE_T_c6c12cc4e61e4af28607156788f306db_TextPercentage" hidden="1">
            <a:extLst>
              <a:ext uri="{FF2B5EF4-FFF2-40B4-BE49-F238E27FC236}">
                <a16:creationId xmlns:a16="http://schemas.microsoft.com/office/drawing/2014/main" id="{904B1F0F-13B2-4F85-B0FE-F34332BCBF0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c6c12cc4e61e4af28607156788f306db_StartDate" hidden="1">
            <a:extLst>
              <a:ext uri="{FF2B5EF4-FFF2-40B4-BE49-F238E27FC236}">
                <a16:creationId xmlns:a16="http://schemas.microsoft.com/office/drawing/2014/main" id="{6F8712AC-DC9C-4E09-8C8A-3B3A085FC38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c6c12cc4e61e4af28607156788f306db_EndDate" hidden="1">
            <a:extLst>
              <a:ext uri="{FF2B5EF4-FFF2-40B4-BE49-F238E27FC236}">
                <a16:creationId xmlns:a16="http://schemas.microsoft.com/office/drawing/2014/main" id="{2E3066D9-EC74-4262-AABA-1F5DDD3EC75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c6c12cc4e61e4af28607156788f306db_JoinedDate">
            <a:extLst>
              <a:ext uri="{FF2B5EF4-FFF2-40B4-BE49-F238E27FC236}">
                <a16:creationId xmlns:a16="http://schemas.microsoft.com/office/drawing/2014/main" id="{0B6471FA-6C5C-49A8-8C87-2A758421717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329799" y="236088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Oct 2 - Oct 4</a:t>
            </a:r>
          </a:p>
        </p:txBody>
      </p:sp>
      <p:sp>
        <p:nvSpPr>
          <p:cNvPr id="58" name="OTLSHAPE_T_c6c12cc4e61e4af28607156788f306db_Title">
            <a:extLst>
              <a:ext uri="{FF2B5EF4-FFF2-40B4-BE49-F238E27FC236}">
                <a16:creationId xmlns:a16="http://schemas.microsoft.com/office/drawing/2014/main" id="{9BF65BAE-362B-41EA-B3B3-CEE9128C59FE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0" y="2353141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22">
                <a:solidFill>
                  <a:schemeClr val="dk1"/>
                </a:solidFill>
                <a:latin typeface="Calibri" panose="020F0502020204030204" pitchFamily="34" charset="0"/>
              </a:rPr>
              <a:t>T4</a:t>
            </a:r>
          </a:p>
        </p:txBody>
      </p:sp>
      <p:sp>
        <p:nvSpPr>
          <p:cNvPr id="61" name="OTLSHAPE_T_adb17298516f4d2d907c8edc831c7565_Duration" hidden="1">
            <a:extLst>
              <a:ext uri="{FF2B5EF4-FFF2-40B4-BE49-F238E27FC236}">
                <a16:creationId xmlns:a16="http://schemas.microsoft.com/office/drawing/2014/main" id="{FECAAFA0-1B5B-4DF3-8C1E-A9B73A4CA67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387410"/>
            <a:ext cx="469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minute</a:t>
            </a:r>
          </a:p>
        </p:txBody>
      </p:sp>
      <p:sp>
        <p:nvSpPr>
          <p:cNvPr id="62" name="OTLSHAPE_T_adb17298516f4d2d907c8edc831c7565_TextPercentage" hidden="1">
            <a:extLst>
              <a:ext uri="{FF2B5EF4-FFF2-40B4-BE49-F238E27FC236}">
                <a16:creationId xmlns:a16="http://schemas.microsoft.com/office/drawing/2014/main" id="{226A2978-35FC-46D5-AECD-958784DF1C2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adb17298516f4d2d907c8edc831c7565_StartDate" hidden="1">
            <a:extLst>
              <a:ext uri="{FF2B5EF4-FFF2-40B4-BE49-F238E27FC236}">
                <a16:creationId xmlns:a16="http://schemas.microsoft.com/office/drawing/2014/main" id="{3BB206C8-91B1-4353-8D7C-2EAE3CE3EFD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adb17298516f4d2d907c8edc831c7565_EndDate" hidden="1">
            <a:extLst>
              <a:ext uri="{FF2B5EF4-FFF2-40B4-BE49-F238E27FC236}">
                <a16:creationId xmlns:a16="http://schemas.microsoft.com/office/drawing/2014/main" id="{BCE24A13-C003-4248-BFA1-73445DE409F3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adb17298516f4d2d907c8edc831c7565_JoinedDate">
            <a:extLst>
              <a:ext uri="{FF2B5EF4-FFF2-40B4-BE49-F238E27FC236}">
                <a16:creationId xmlns:a16="http://schemas.microsoft.com/office/drawing/2014/main" id="{ED7809C0-FA2D-4BD7-9F7C-73AC42CC8B5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272979" y="2627588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Oct 16 - Oct 18</a:t>
            </a:r>
          </a:p>
        </p:txBody>
      </p:sp>
      <p:sp>
        <p:nvSpPr>
          <p:cNvPr id="66" name="OTLSHAPE_T_adb17298516f4d2d907c8edc831c7565_Title">
            <a:extLst>
              <a:ext uri="{FF2B5EF4-FFF2-40B4-BE49-F238E27FC236}">
                <a16:creationId xmlns:a16="http://schemas.microsoft.com/office/drawing/2014/main" id="{ED68046D-C429-4618-AA2C-20917015FC1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0" y="2619841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T4 B início online "emergencial"</a:t>
            </a:r>
          </a:p>
        </p:txBody>
      </p:sp>
      <p:sp>
        <p:nvSpPr>
          <p:cNvPr id="69" name="OTLSHAPE_T_149ba0e1594746338a59208533d0472f_Duration" hidden="1">
            <a:extLst>
              <a:ext uri="{FF2B5EF4-FFF2-40B4-BE49-F238E27FC236}">
                <a16:creationId xmlns:a16="http://schemas.microsoft.com/office/drawing/2014/main" id="{FF30BA3E-F351-4913-A346-0DBB15A449D6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387410"/>
            <a:ext cx="469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minute</a:t>
            </a:r>
          </a:p>
        </p:txBody>
      </p:sp>
      <p:sp>
        <p:nvSpPr>
          <p:cNvPr id="70" name="OTLSHAPE_T_149ba0e1594746338a59208533d0472f_TextPercentage" hidden="1">
            <a:extLst>
              <a:ext uri="{FF2B5EF4-FFF2-40B4-BE49-F238E27FC236}">
                <a16:creationId xmlns:a16="http://schemas.microsoft.com/office/drawing/2014/main" id="{F92249D5-ECA6-4518-B2B9-DE95AB6FB16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149ba0e1594746338a59208533d0472f_StartDate" hidden="1">
            <a:extLst>
              <a:ext uri="{FF2B5EF4-FFF2-40B4-BE49-F238E27FC236}">
                <a16:creationId xmlns:a16="http://schemas.microsoft.com/office/drawing/2014/main" id="{205024A4-7BDB-42C0-A47D-8849C4951F2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149ba0e1594746338a59208533d0472f_EndDate" hidden="1">
            <a:extLst>
              <a:ext uri="{FF2B5EF4-FFF2-40B4-BE49-F238E27FC236}">
                <a16:creationId xmlns:a16="http://schemas.microsoft.com/office/drawing/2014/main" id="{C3FC7393-EF32-4894-ADC5-2AF780CC34D2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149ba0e1594746338a59208533d0472f_JoinedDate">
            <a:extLst>
              <a:ext uri="{FF2B5EF4-FFF2-40B4-BE49-F238E27FC236}">
                <a16:creationId xmlns:a16="http://schemas.microsoft.com/office/drawing/2014/main" id="{2C565144-4F21-4FFB-9355-51542407EE42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20426" y="289428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Nov 6 - Nov 8</a:t>
            </a:r>
          </a:p>
        </p:txBody>
      </p:sp>
      <p:sp>
        <p:nvSpPr>
          <p:cNvPr id="74" name="OTLSHAPE_T_149ba0e1594746338a59208533d0472f_Title">
            <a:extLst>
              <a:ext uri="{FF2B5EF4-FFF2-40B4-BE49-F238E27FC236}">
                <a16:creationId xmlns:a16="http://schemas.microsoft.com/office/drawing/2014/main" id="{1C41FAA3-7147-4954-A075-CA4767C057A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288654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+ T4 B</a:t>
            </a:r>
          </a:p>
        </p:txBody>
      </p:sp>
      <p:sp>
        <p:nvSpPr>
          <p:cNvPr id="77" name="OTLSHAPE_T_4a4cedda927c4fa6b7e62fcfce91eee4_Duration" hidden="1">
            <a:extLst>
              <a:ext uri="{FF2B5EF4-FFF2-40B4-BE49-F238E27FC236}">
                <a16:creationId xmlns:a16="http://schemas.microsoft.com/office/drawing/2014/main" id="{74226CBD-2150-49CC-95C3-EC2CDAB3FB9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387410"/>
            <a:ext cx="469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minute</a:t>
            </a:r>
          </a:p>
        </p:txBody>
      </p:sp>
      <p:sp>
        <p:nvSpPr>
          <p:cNvPr id="78" name="OTLSHAPE_T_4a4cedda927c4fa6b7e62fcfce91eee4_TextPercentage" hidden="1">
            <a:extLst>
              <a:ext uri="{FF2B5EF4-FFF2-40B4-BE49-F238E27FC236}">
                <a16:creationId xmlns:a16="http://schemas.microsoft.com/office/drawing/2014/main" id="{9387CCEA-D4B6-4DC8-9388-4CAC7E94698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4a4cedda927c4fa6b7e62fcfce91eee4_StartDate" hidden="1">
            <a:extLst>
              <a:ext uri="{FF2B5EF4-FFF2-40B4-BE49-F238E27FC236}">
                <a16:creationId xmlns:a16="http://schemas.microsoft.com/office/drawing/2014/main" id="{E4BF5FAA-7713-4D32-9431-F2FC9CEE9E4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4a4cedda927c4fa6b7e62fcfce91eee4_EndDate" hidden="1">
            <a:extLst>
              <a:ext uri="{FF2B5EF4-FFF2-40B4-BE49-F238E27FC236}">
                <a16:creationId xmlns:a16="http://schemas.microsoft.com/office/drawing/2014/main" id="{485EBD78-7C41-4231-95AC-30096776655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4a4cedda927c4fa6b7e62fcfce91eee4_JoinedDate">
            <a:extLst>
              <a:ext uri="{FF2B5EF4-FFF2-40B4-BE49-F238E27FC236}">
                <a16:creationId xmlns:a16="http://schemas.microsoft.com/office/drawing/2014/main" id="{C7564C4A-8F0B-4556-A56D-DA5B8B76572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035195" y="3160988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Nov 27 - Nov 29</a:t>
            </a:r>
          </a:p>
        </p:txBody>
      </p:sp>
      <p:sp>
        <p:nvSpPr>
          <p:cNvPr id="82" name="OTLSHAPE_T_4a4cedda927c4fa6b7e62fcfce91eee4_Title">
            <a:extLst>
              <a:ext uri="{FF2B5EF4-FFF2-40B4-BE49-F238E27FC236}">
                <a16:creationId xmlns:a16="http://schemas.microsoft.com/office/drawing/2014/main" id="{157A01E3-B36A-4E51-838E-42B60849DB1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0" y="3153241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T4 B sozinha online "emergencial"</a:t>
            </a:r>
            <a:endParaRPr lang="pt-BR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fa49dbcfb56a4495b355fc5116e77410_Duration" hidden="1">
            <a:extLst>
              <a:ext uri="{FF2B5EF4-FFF2-40B4-BE49-F238E27FC236}">
                <a16:creationId xmlns:a16="http://schemas.microsoft.com/office/drawing/2014/main" id="{BBA843D1-83D7-4EEA-B5EF-09C2434616C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695186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440 minutes</a:t>
            </a:r>
          </a:p>
        </p:txBody>
      </p:sp>
      <p:sp>
        <p:nvSpPr>
          <p:cNvPr id="86" name="OTLSHAPE_T_fa49dbcfb56a4495b355fc5116e77410_TextPercentage" hidden="1">
            <a:extLst>
              <a:ext uri="{FF2B5EF4-FFF2-40B4-BE49-F238E27FC236}">
                <a16:creationId xmlns:a16="http://schemas.microsoft.com/office/drawing/2014/main" id="{391194CE-28BB-455E-8E7A-5BB337E2BAF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fa49dbcfb56a4495b355fc5116e77410_StartDate" hidden="1">
            <a:extLst>
              <a:ext uri="{FF2B5EF4-FFF2-40B4-BE49-F238E27FC236}">
                <a16:creationId xmlns:a16="http://schemas.microsoft.com/office/drawing/2014/main" id="{9625DA7B-855F-4833-9A25-72047D3DE0C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fa49dbcfb56a4495b355fc5116e77410_EndDate" hidden="1">
            <a:extLst>
              <a:ext uri="{FF2B5EF4-FFF2-40B4-BE49-F238E27FC236}">
                <a16:creationId xmlns:a16="http://schemas.microsoft.com/office/drawing/2014/main" id="{9807CE97-BA25-489A-AB15-B13DE5D76FB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fa49dbcfb56a4495b355fc5116e77410_JoinedDate">
            <a:extLst>
              <a:ext uri="{FF2B5EF4-FFF2-40B4-BE49-F238E27FC236}">
                <a16:creationId xmlns:a16="http://schemas.microsoft.com/office/drawing/2014/main" id="{124A28DF-1ECC-4448-BC36-054A86E5881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978422" y="34276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Dec 11 - Dec 13</a:t>
            </a:r>
          </a:p>
        </p:txBody>
      </p:sp>
      <p:sp>
        <p:nvSpPr>
          <p:cNvPr id="90" name="OTLSHAPE_T_fa49dbcfb56a4495b355fc5116e77410_Title">
            <a:extLst>
              <a:ext uri="{FF2B5EF4-FFF2-40B4-BE49-F238E27FC236}">
                <a16:creationId xmlns:a16="http://schemas.microsoft.com/office/drawing/2014/main" id="{D4BC08DB-2A1D-4866-B26A-799DD6C4055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0" y="341994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T4 + T4 B</a:t>
            </a:r>
          </a:p>
        </p:txBody>
      </p:sp>
      <p:sp>
        <p:nvSpPr>
          <p:cNvPr id="93" name="OTLSHAPE_T_bbd57575a5894a47a0f8011eec140e88_Duration" hidden="1">
            <a:extLst>
              <a:ext uri="{FF2B5EF4-FFF2-40B4-BE49-F238E27FC236}">
                <a16:creationId xmlns:a16="http://schemas.microsoft.com/office/drawing/2014/main" id="{8D0BB494-204A-44D8-9137-0169AFE64F6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4" name="OTLSHAPE_T_bbd57575a5894a47a0f8011eec140e88_TextPercentage" hidden="1">
            <a:extLst>
              <a:ext uri="{FF2B5EF4-FFF2-40B4-BE49-F238E27FC236}">
                <a16:creationId xmlns:a16="http://schemas.microsoft.com/office/drawing/2014/main" id="{1B52BDA9-7E22-4D54-88F3-7FC102F2FE0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bbd57575a5894a47a0f8011eec140e88_StartDate" hidden="1">
            <a:extLst>
              <a:ext uri="{FF2B5EF4-FFF2-40B4-BE49-F238E27FC236}">
                <a16:creationId xmlns:a16="http://schemas.microsoft.com/office/drawing/2014/main" id="{4B165EB6-5E50-4796-974B-C990C5F4E31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bbd57575a5894a47a0f8011eec140e88_EndDate" hidden="1">
            <a:extLst>
              <a:ext uri="{FF2B5EF4-FFF2-40B4-BE49-F238E27FC236}">
                <a16:creationId xmlns:a16="http://schemas.microsoft.com/office/drawing/2014/main" id="{8E91FEC2-86A3-401E-9A1E-A2D9DEDFD6F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bbd57575a5894a47a0f8011eec140e88_JoinedDate">
            <a:extLst>
              <a:ext uri="{FF2B5EF4-FFF2-40B4-BE49-F238E27FC236}">
                <a16:creationId xmlns:a16="http://schemas.microsoft.com/office/drawing/2014/main" id="{2621BCBA-645D-419E-A4F3-7B2DC7C59C8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517288" y="36943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Dec 18 - Dec 20</a:t>
            </a:r>
          </a:p>
        </p:txBody>
      </p:sp>
      <p:sp>
        <p:nvSpPr>
          <p:cNvPr id="98" name="OTLSHAPE_T_bbd57575a5894a47a0f8011eec140e88_Title">
            <a:extLst>
              <a:ext uri="{FF2B5EF4-FFF2-40B4-BE49-F238E27FC236}">
                <a16:creationId xmlns:a16="http://schemas.microsoft.com/office/drawing/2014/main" id="{9FE8CBA4-39DA-40C3-B15B-884316E7FFB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0" y="3686640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T4 B sozinha online "emergencial"</a:t>
            </a:r>
          </a:p>
        </p:txBody>
      </p:sp>
      <p:sp>
        <p:nvSpPr>
          <p:cNvPr id="101" name="OTLSHAPE_T_6873c35020b44c88867cfdfd816e3139_Duration" hidden="1">
            <a:extLst>
              <a:ext uri="{FF2B5EF4-FFF2-40B4-BE49-F238E27FC236}">
                <a16:creationId xmlns:a16="http://schemas.microsoft.com/office/drawing/2014/main" id="{A89E8DC1-CE08-4D4B-8A7C-91DB668BB44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02" name="OTLSHAPE_T_6873c35020b44c88867cfdfd816e3139_TextPercentage" hidden="1">
            <a:extLst>
              <a:ext uri="{FF2B5EF4-FFF2-40B4-BE49-F238E27FC236}">
                <a16:creationId xmlns:a16="http://schemas.microsoft.com/office/drawing/2014/main" id="{797162AA-3ACC-41A0-9793-BD8ECCE6A23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6873c35020b44c88867cfdfd816e3139_StartDate" hidden="1">
            <a:extLst>
              <a:ext uri="{FF2B5EF4-FFF2-40B4-BE49-F238E27FC236}">
                <a16:creationId xmlns:a16="http://schemas.microsoft.com/office/drawing/2014/main" id="{11A2F80D-0A6E-4F83-9698-05B7CDE1DD2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6873c35020b44c88867cfdfd816e3139_EndDate" hidden="1">
            <a:extLst>
              <a:ext uri="{FF2B5EF4-FFF2-40B4-BE49-F238E27FC236}">
                <a16:creationId xmlns:a16="http://schemas.microsoft.com/office/drawing/2014/main" id="{BA990045-CD94-4E63-92F4-8687CFE835B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873c35020b44c88867cfdfd816e3139_JoinedDate">
            <a:extLst>
              <a:ext uri="{FF2B5EF4-FFF2-40B4-BE49-F238E27FC236}">
                <a16:creationId xmlns:a16="http://schemas.microsoft.com/office/drawing/2014/main" id="{CDAE3972-73BD-4C3E-81DF-597A5768F43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932058" y="39610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Jan 8 - Jan 10</a:t>
            </a:r>
          </a:p>
        </p:txBody>
      </p:sp>
      <p:sp>
        <p:nvSpPr>
          <p:cNvPr id="106" name="OTLSHAPE_T_6873c35020b44c88867cfdfd816e3139_Title">
            <a:extLst>
              <a:ext uri="{FF2B5EF4-FFF2-40B4-BE49-F238E27FC236}">
                <a16:creationId xmlns:a16="http://schemas.microsoft.com/office/drawing/2014/main" id="{D2F63DDD-1755-4E27-96D3-CDFCE3F9230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395334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+ T4 B</a:t>
            </a:r>
          </a:p>
        </p:txBody>
      </p:sp>
      <p:sp>
        <p:nvSpPr>
          <p:cNvPr id="109" name="OTLSHAPE_T_61f7033581034b4182db132415435111_Duration" hidden="1">
            <a:extLst>
              <a:ext uri="{FF2B5EF4-FFF2-40B4-BE49-F238E27FC236}">
                <a16:creationId xmlns:a16="http://schemas.microsoft.com/office/drawing/2014/main" id="{FFDBD99A-7D05-4E58-9A80-ACB04E38876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10" name="OTLSHAPE_T_61f7033581034b4182db132415435111_TextPercentage" hidden="1">
            <a:extLst>
              <a:ext uri="{FF2B5EF4-FFF2-40B4-BE49-F238E27FC236}">
                <a16:creationId xmlns:a16="http://schemas.microsoft.com/office/drawing/2014/main" id="{D7698BC8-50C6-4D1D-8EFD-053EE067D71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61f7033581034b4182db132415435111_StartDate" hidden="1">
            <a:extLst>
              <a:ext uri="{FF2B5EF4-FFF2-40B4-BE49-F238E27FC236}">
                <a16:creationId xmlns:a16="http://schemas.microsoft.com/office/drawing/2014/main" id="{FB4FA18F-98F8-475C-8A4B-90FCF90F872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61f7033581034b4182db132415435111_EndDate" hidden="1">
            <a:extLst>
              <a:ext uri="{FF2B5EF4-FFF2-40B4-BE49-F238E27FC236}">
                <a16:creationId xmlns:a16="http://schemas.microsoft.com/office/drawing/2014/main" id="{2F902D5C-C044-4DC4-865E-257469B3F30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61f7033581034b4182db132415435111_JoinedDate">
            <a:extLst>
              <a:ext uri="{FF2B5EF4-FFF2-40B4-BE49-F238E27FC236}">
                <a16:creationId xmlns:a16="http://schemas.microsoft.com/office/drawing/2014/main" id="{8D13D0D6-196D-4EF2-B0AC-3D20249DD5B2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346829" y="422778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Jan 29 - Jan 31</a:t>
            </a:r>
          </a:p>
        </p:txBody>
      </p:sp>
      <p:sp>
        <p:nvSpPr>
          <p:cNvPr id="114" name="OTLSHAPE_T_61f7033581034b4182db132415435111_Title">
            <a:extLst>
              <a:ext uri="{FF2B5EF4-FFF2-40B4-BE49-F238E27FC236}">
                <a16:creationId xmlns:a16="http://schemas.microsoft.com/office/drawing/2014/main" id="{F01CA4F6-7C54-4621-B8F8-ECC282CDFB6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0" y="4220040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T4 B sozinha online "emergencial"</a:t>
            </a:r>
          </a:p>
        </p:txBody>
      </p:sp>
      <p:sp>
        <p:nvSpPr>
          <p:cNvPr id="117" name="OTLSHAPE_T_0fa0dd3188e94227901354b8118e82b8_Duration" hidden="1">
            <a:extLst>
              <a:ext uri="{FF2B5EF4-FFF2-40B4-BE49-F238E27FC236}">
                <a16:creationId xmlns:a16="http://schemas.microsoft.com/office/drawing/2014/main" id="{C8937049-31C3-4F20-A4EC-093D3730A75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18" name="OTLSHAPE_T_0fa0dd3188e94227901354b8118e82b8_TextPercentage" hidden="1">
            <a:extLst>
              <a:ext uri="{FF2B5EF4-FFF2-40B4-BE49-F238E27FC236}">
                <a16:creationId xmlns:a16="http://schemas.microsoft.com/office/drawing/2014/main" id="{AF2A91D5-0AAE-43F7-9D7B-E06E64C7219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0fa0dd3188e94227901354b8118e82b8_StartDate" hidden="1">
            <a:extLst>
              <a:ext uri="{FF2B5EF4-FFF2-40B4-BE49-F238E27FC236}">
                <a16:creationId xmlns:a16="http://schemas.microsoft.com/office/drawing/2014/main" id="{5FBFA0DF-4C65-4202-BF1D-F0E64EB219D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0fa0dd3188e94227901354b8118e82b8_EndDate" hidden="1">
            <a:extLst>
              <a:ext uri="{FF2B5EF4-FFF2-40B4-BE49-F238E27FC236}">
                <a16:creationId xmlns:a16="http://schemas.microsoft.com/office/drawing/2014/main" id="{B6B797A3-C964-4DC1-B196-6A5C420B146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0fa0dd3188e94227901354b8118e82b8_JoinedDate">
            <a:extLst>
              <a:ext uri="{FF2B5EF4-FFF2-40B4-BE49-F238E27FC236}">
                <a16:creationId xmlns:a16="http://schemas.microsoft.com/office/drawing/2014/main" id="{E49252D9-3B51-4CFE-9265-E208F88EE73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9818419" y="449448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6">
                <a:solidFill>
                  <a:schemeClr val="dk2"/>
                </a:solidFill>
                <a:latin typeface="Calibri" panose="020F0502020204030204" pitchFamily="34" charset="0"/>
              </a:rPr>
              <a:t>Feb 5 - Feb 7</a:t>
            </a:r>
          </a:p>
        </p:txBody>
      </p:sp>
      <p:sp>
        <p:nvSpPr>
          <p:cNvPr id="122" name="OTLSHAPE_T_0fa0dd3188e94227901354b8118e82b8_Title">
            <a:extLst>
              <a:ext uri="{FF2B5EF4-FFF2-40B4-BE49-F238E27FC236}">
                <a16:creationId xmlns:a16="http://schemas.microsoft.com/office/drawing/2014/main" id="{383ECECB-8470-4828-B1C8-7FEC954587D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0" y="448674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+ T4 B</a:t>
            </a:r>
          </a:p>
        </p:txBody>
      </p:sp>
      <p:sp>
        <p:nvSpPr>
          <p:cNvPr id="125" name="OTLSHAPE_T_6df8bf6252ad4e7884f8cf09b1f6c6b0_Duration" hidden="1">
            <a:extLst>
              <a:ext uri="{FF2B5EF4-FFF2-40B4-BE49-F238E27FC236}">
                <a16:creationId xmlns:a16="http://schemas.microsoft.com/office/drawing/2014/main" id="{6ABD7311-FC6D-4A55-A4A1-DDA2CA35A22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26" name="OTLSHAPE_T_6df8bf6252ad4e7884f8cf09b1f6c6b0_TextPercentage" hidden="1">
            <a:extLst>
              <a:ext uri="{FF2B5EF4-FFF2-40B4-BE49-F238E27FC236}">
                <a16:creationId xmlns:a16="http://schemas.microsoft.com/office/drawing/2014/main" id="{3421B6D3-4963-4823-88AA-3850CEACB84A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6df8bf6252ad4e7884f8cf09b1f6c6b0_StartDate" hidden="1">
            <a:extLst>
              <a:ext uri="{FF2B5EF4-FFF2-40B4-BE49-F238E27FC236}">
                <a16:creationId xmlns:a16="http://schemas.microsoft.com/office/drawing/2014/main" id="{4B69F264-E312-403C-AA73-363698DB830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6df8bf6252ad4e7884f8cf09b1f6c6b0_EndDate" hidden="1">
            <a:extLst>
              <a:ext uri="{FF2B5EF4-FFF2-40B4-BE49-F238E27FC236}">
                <a16:creationId xmlns:a16="http://schemas.microsoft.com/office/drawing/2014/main" id="{4FEC2D37-2F31-4A7F-B379-17F32109D25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6df8bf6252ad4e7884f8cf09b1f6c6b0_JoinedDate">
            <a:extLst>
              <a:ext uri="{FF2B5EF4-FFF2-40B4-BE49-F238E27FC236}">
                <a16:creationId xmlns:a16="http://schemas.microsoft.com/office/drawing/2014/main" id="{6D43016E-0D27-47AE-A840-042EAFBC992D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0761599" y="47611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6">
                <a:solidFill>
                  <a:schemeClr val="dk2"/>
                </a:solidFill>
                <a:latin typeface="Calibri" panose="020F0502020204030204" pitchFamily="34" charset="0"/>
              </a:rPr>
              <a:t>Feb 19 - Feb 21</a:t>
            </a:r>
          </a:p>
        </p:txBody>
      </p:sp>
      <p:sp>
        <p:nvSpPr>
          <p:cNvPr id="130" name="OTLSHAPE_T_6df8bf6252ad4e7884f8cf09b1f6c6b0_Title">
            <a:extLst>
              <a:ext uri="{FF2B5EF4-FFF2-40B4-BE49-F238E27FC236}">
                <a16:creationId xmlns:a16="http://schemas.microsoft.com/office/drawing/2014/main" id="{E7C7D9BC-8B3D-4349-B6FB-16A37D00AF9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0" y="4753440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T4 B sozinha online "emergencial"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8788060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9" name="OTLSHAPE_SL_1cb3654965a24fd7aef4ceef304c4868_BackgroundRectangle">
            <a:extLst>
              <a:ext uri="{FF2B5EF4-FFF2-40B4-BE49-F238E27FC236}">
                <a16:creationId xmlns:a16="http://schemas.microsoft.com/office/drawing/2014/main" id="{A99EABCF-69D1-4E75-AF03-8CCCFC337D3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5727700"/>
            <a:ext cx="11125200" cy="406400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9744909D-A9EE-43CB-BDD5-B0C612E623E9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54000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BR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FE523257-C440-4E64-B45C-3C6CF67E4CA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1474534" y="51944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BR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189" name="OTLSHAPE_T_e74d3e7104b6443fa8d87e26ca744da7_HorizontalConnector1">
            <a:extLst>
              <a:ext uri="{FF2B5EF4-FFF2-40B4-BE49-F238E27FC236}">
                <a16:creationId xmlns:a16="http://schemas.microsoft.com/office/drawing/2014/main" id="{61615570-329B-4BF9-A044-3B013BA3984F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49647" y="2438400"/>
            <a:ext cx="8166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1" name="OTLSHAPE_T_5515921e40ac45f389849d40b5e9d235_HorizontalConnector1">
            <a:extLst>
              <a:ext uri="{FF2B5EF4-FFF2-40B4-BE49-F238E27FC236}">
                <a16:creationId xmlns:a16="http://schemas.microsoft.com/office/drawing/2014/main" id="{2297D060-4C6F-4ED6-8859-881AE08C51F6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49647" y="2971800"/>
            <a:ext cx="197927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2" name="OTLSHAPE_T_9ddedaf8b19c41c2a37d94ac64317db5_HorizontalConnector1">
            <a:extLst>
              <a:ext uri="{FF2B5EF4-FFF2-40B4-BE49-F238E27FC236}">
                <a16:creationId xmlns:a16="http://schemas.microsoft.com/office/drawing/2014/main" id="{60743991-BDED-430F-BB34-CFCA93F2E36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70679" y="3238500"/>
            <a:ext cx="21488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3" name="OTLSHAPE_T_6d0c416dd459457e953ce00f95ed5936_HorizontalConnector1">
            <a:extLst>
              <a:ext uri="{FF2B5EF4-FFF2-40B4-BE49-F238E27FC236}">
                <a16:creationId xmlns:a16="http://schemas.microsoft.com/office/drawing/2014/main" id="{A79BEE83-C2FA-4EA9-B967-B69C2B390A6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86223" y="3505200"/>
            <a:ext cx="339596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4" name="OTLSHAPE_T_4f29179600ff4b9e86236f2075cb7586_HorizontalConnector1">
            <a:extLst>
              <a:ext uri="{FF2B5EF4-FFF2-40B4-BE49-F238E27FC236}">
                <a16:creationId xmlns:a16="http://schemas.microsoft.com/office/drawing/2014/main" id="{AB80D7EB-56D5-4E59-8BD9-C072D5B9101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86223" y="3771900"/>
            <a:ext cx="455857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_9a6ac043d9d34dc9b21615bc4c02e8ae_HorizontalConnector1">
            <a:extLst>
              <a:ext uri="{FF2B5EF4-FFF2-40B4-BE49-F238E27FC236}">
                <a16:creationId xmlns:a16="http://schemas.microsoft.com/office/drawing/2014/main" id="{C93874A0-3D75-455E-9978-4E2805D15B3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54643" y="4038600"/>
            <a:ext cx="604342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6" name="OTLSHAPE_T_1427f82205b24c7e86175df168f0bd7e_HorizontalConnector1">
            <a:extLst>
              <a:ext uri="{FF2B5EF4-FFF2-40B4-BE49-F238E27FC236}">
                <a16:creationId xmlns:a16="http://schemas.microsoft.com/office/drawing/2014/main" id="{B783B7BF-3B16-4005-B7FE-454E03F4985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54643" y="4305300"/>
            <a:ext cx="720603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7" name="OTLSHAPE_T_21a1357daf3b46a298691ce01de8f5b9_HorizontalConnector1">
            <a:extLst>
              <a:ext uri="{FF2B5EF4-FFF2-40B4-BE49-F238E27FC236}">
                <a16:creationId xmlns:a16="http://schemas.microsoft.com/office/drawing/2014/main" id="{2718CC43-AC88-434E-9FE2-024AFB69661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54643" y="4572000"/>
            <a:ext cx="83686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_2f8642bae68a40fd810c3081d4177bf8_HorizontalConnector1">
            <a:extLst>
              <a:ext uri="{FF2B5EF4-FFF2-40B4-BE49-F238E27FC236}">
                <a16:creationId xmlns:a16="http://schemas.microsoft.com/office/drawing/2014/main" id="{B14936CB-06CC-45A9-8501-D88DCE1CB33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54643" y="4838700"/>
            <a:ext cx="924061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" name="OTLSHAPE_TB_00000000000000000000000000000000_ScaleContainer">
            <a:extLst>
              <a:ext uri="{FF2B5EF4-FFF2-40B4-BE49-F238E27FC236}">
                <a16:creationId xmlns:a16="http://schemas.microsoft.com/office/drawing/2014/main" id="{A894D349-9CBE-4802-8B2C-889F6963394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844465" y="51435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20" name="OTLSHAPE_SL_1cb3654965a24fd7aef4ceef304c4868_HeaderRectangle">
            <a:extLst>
              <a:ext uri="{FF2B5EF4-FFF2-40B4-BE49-F238E27FC236}">
                <a16:creationId xmlns:a16="http://schemas.microsoft.com/office/drawing/2014/main" id="{D5ACF584-B9C0-4846-8F2B-16F341C8FFF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727700"/>
            <a:ext cx="825500" cy="406400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181" name="OTLSHAPE_TB_00000000000000000000000000000000_ElapsedTime" hidden="1">
            <a:extLst>
              <a:ext uri="{FF2B5EF4-FFF2-40B4-BE49-F238E27FC236}">
                <a16:creationId xmlns:a16="http://schemas.microsoft.com/office/drawing/2014/main" id="{B639A09D-E3CF-4AED-BB39-2279159B8D7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21" name="OTLSHAPE_SL_1cb3654965a24fd7aef4ceef304c4868_Header">
            <a:extLst>
              <a:ext uri="{FF2B5EF4-FFF2-40B4-BE49-F238E27FC236}">
                <a16:creationId xmlns:a16="http://schemas.microsoft.com/office/drawing/2014/main" id="{3A2DE461-73C3-45A9-8315-539529B8E986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3500" y="58378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pt-BR" sz="1200">
                <a:solidFill>
                  <a:srgbClr val="161C23"/>
                </a:solidFill>
                <a:latin typeface="Calibri" panose="020F0502020204030204" pitchFamily="34" charset="0"/>
              </a:rPr>
              <a:t>Untitled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56448421-DB32-4EBC-B1B1-F221898303B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95513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38182C99-58C7-4B63-BC97-81DC35D72A5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B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8D8D81FB-EF4B-437A-AD25-3C0F42FCAB5F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073065" y="5240972"/>
            <a:ext cx="25808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9" name="OTLSHAPE_TB_00000000000000000000000000000000_TimescaleInterval2">
            <a:extLst>
              <a:ext uri="{FF2B5EF4-FFF2-40B4-BE49-F238E27FC236}">
                <a16:creationId xmlns:a16="http://schemas.microsoft.com/office/drawing/2014/main" id="{DE458E5B-A3FE-48AA-ADF7-6B7F56CD3B9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360245" y="5240972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48" name="OTLSHAPE_TB_00000000000000000000000000000000_TimescaleInterval3">
            <a:extLst>
              <a:ext uri="{FF2B5EF4-FFF2-40B4-BE49-F238E27FC236}">
                <a16:creationId xmlns:a16="http://schemas.microsoft.com/office/drawing/2014/main" id="{C79F0540-EADC-4CDE-9368-05F601708016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3605902" y="524097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49" name="OTLSHAPE_TB_00000000000000000000000000000000_TimescaleInterval4">
            <a:extLst>
              <a:ext uri="{FF2B5EF4-FFF2-40B4-BE49-F238E27FC236}">
                <a16:creationId xmlns:a16="http://schemas.microsoft.com/office/drawing/2014/main" id="{1C1B7174-24FA-4CDC-9D99-F1F39273EACA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4893082" y="524097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0" name="OTLSHAPE_TB_00000000000000000000000000000000_TimescaleInterval5">
            <a:extLst>
              <a:ext uri="{FF2B5EF4-FFF2-40B4-BE49-F238E27FC236}">
                <a16:creationId xmlns:a16="http://schemas.microsoft.com/office/drawing/2014/main" id="{0713BCE9-E776-4568-8A58-DD2063038E1C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138739" y="52409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1" name="OTLSHAPE_TB_00000000000000000000000000000000_TimescaleInterval6">
            <a:extLst>
              <a:ext uri="{FF2B5EF4-FFF2-40B4-BE49-F238E27FC236}">
                <a16:creationId xmlns:a16="http://schemas.microsoft.com/office/drawing/2014/main" id="{E811D229-FBE5-407A-8B1B-F9CB533DAFA3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7425919" y="5240972"/>
            <a:ext cx="2420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" name="OTLSHAPE_TB_00000000000000000000000000000000_TimescaleInterval7">
            <a:extLst>
              <a:ext uri="{FF2B5EF4-FFF2-40B4-BE49-F238E27FC236}">
                <a16:creationId xmlns:a16="http://schemas.microsoft.com/office/drawing/2014/main" id="{E92E2A5F-9ACC-4849-8238-B97E96B68927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713098" y="5240972"/>
            <a:ext cx="22762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3" name="OTLSHAPE_TB_00000000000000000000000000000000_TimescaleInterval8">
            <a:extLst>
              <a:ext uri="{FF2B5EF4-FFF2-40B4-BE49-F238E27FC236}">
                <a16:creationId xmlns:a16="http://schemas.microsoft.com/office/drawing/2014/main" id="{EF263258-28EE-48E5-A1FD-E704732B963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9958756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82" name="OTLSHAPE_TB_00000000000000000000000000000000_Separator1">
            <a:extLst>
              <a:ext uri="{FF2B5EF4-FFF2-40B4-BE49-F238E27FC236}">
                <a16:creationId xmlns:a16="http://schemas.microsoft.com/office/drawing/2014/main" id="{2EDB769C-3087-41A0-9E26-B49359146263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2296744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B_00000000000000000000000000000000_Separator2">
            <a:extLst>
              <a:ext uri="{FF2B5EF4-FFF2-40B4-BE49-F238E27FC236}">
                <a16:creationId xmlns:a16="http://schemas.microsoft.com/office/drawing/2014/main" id="{78B51EAD-AB82-4B8B-BED2-FB3207729C0B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3542402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TB_00000000000000000000000000000000_Separator3">
            <a:extLst>
              <a:ext uri="{FF2B5EF4-FFF2-40B4-BE49-F238E27FC236}">
                <a16:creationId xmlns:a16="http://schemas.microsoft.com/office/drawing/2014/main" id="{1EAAF37B-9EC5-4CC9-932C-E4E93CCC3185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829581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TB_00000000000000000000000000000000_Separator4">
            <a:extLst>
              <a:ext uri="{FF2B5EF4-FFF2-40B4-BE49-F238E27FC236}">
                <a16:creationId xmlns:a16="http://schemas.microsoft.com/office/drawing/2014/main" id="{BB242B53-92D7-475B-B2B0-9F954994C7D1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6075239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TB_00000000000000000000000000000000_Separator5">
            <a:extLst>
              <a:ext uri="{FF2B5EF4-FFF2-40B4-BE49-F238E27FC236}">
                <a16:creationId xmlns:a16="http://schemas.microsoft.com/office/drawing/2014/main" id="{06C634E4-8353-4B61-A354-E99CD83C6F2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7362418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TB_00000000000000000000000000000000_Separator6">
            <a:extLst>
              <a:ext uri="{FF2B5EF4-FFF2-40B4-BE49-F238E27FC236}">
                <a16:creationId xmlns:a16="http://schemas.microsoft.com/office/drawing/2014/main" id="{BDF66E77-3FE9-4624-853C-2B8A98672193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8649598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TB_00000000000000000000000000000000_Separator7">
            <a:extLst>
              <a:ext uri="{FF2B5EF4-FFF2-40B4-BE49-F238E27FC236}">
                <a16:creationId xmlns:a16="http://schemas.microsoft.com/office/drawing/2014/main" id="{3B338A61-8C05-4811-B6E8-B8EC8C69174D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895255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T_e74d3e7104b6443fa8d87e26ca744da7_Shape">
            <a:extLst>
              <a:ext uri="{FF2B5EF4-FFF2-40B4-BE49-F238E27FC236}">
                <a16:creationId xmlns:a16="http://schemas.microsoft.com/office/drawing/2014/main" id="{51FD3574-7A10-49EB-9C68-FA1F360EF09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466306" y="23368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1" name="OTLSHAPE_T_ad2a4c6a91b44eaa826d75ddb766e61e_Shape">
            <a:extLst>
              <a:ext uri="{FF2B5EF4-FFF2-40B4-BE49-F238E27FC236}">
                <a16:creationId xmlns:a16="http://schemas.microsoft.com/office/drawing/2014/main" id="{516A64BE-9AD6-4C62-B865-E15EA4EA8B3F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047613" y="26035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3" name="OTLSHAPE_T_5515921e40ac45f389849d40b5e9d235_Shape">
            <a:extLst>
              <a:ext uri="{FF2B5EF4-FFF2-40B4-BE49-F238E27FC236}">
                <a16:creationId xmlns:a16="http://schemas.microsoft.com/office/drawing/2014/main" id="{0363B949-F9FF-4EB2-AC85-96A737BE5EC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628920" y="28702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5" name="OTLSHAPE_T_9ddedaf8b19c41c2a37d94ac64317db5_Shape">
            <a:extLst>
              <a:ext uri="{FF2B5EF4-FFF2-40B4-BE49-F238E27FC236}">
                <a16:creationId xmlns:a16="http://schemas.microsoft.com/office/drawing/2014/main" id="{5D92DE41-1EEE-4FBB-B144-0F2CA55C3A0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919574" y="31369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7" name="OTLSHAPE_T_6d0c416dd459457e953ce00f95ed5936_Shape">
            <a:extLst>
              <a:ext uri="{FF2B5EF4-FFF2-40B4-BE49-F238E27FC236}">
                <a16:creationId xmlns:a16="http://schemas.microsoft.com/office/drawing/2014/main" id="{252C4A28-5FA1-4235-9996-1850C9FCDC4D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082187" y="34036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9" name="OTLSHAPE_T_4f29179600ff4b9e86236f2075cb7586_Shape">
            <a:extLst>
              <a:ext uri="{FF2B5EF4-FFF2-40B4-BE49-F238E27FC236}">
                <a16:creationId xmlns:a16="http://schemas.microsoft.com/office/drawing/2014/main" id="{723B8184-FB13-474B-924F-040B566E254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244801" y="36703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11" name="OTLSHAPE_T_9a6ac043d9d34dc9b21615bc4c02e8ae_Shape">
            <a:extLst>
              <a:ext uri="{FF2B5EF4-FFF2-40B4-BE49-F238E27FC236}">
                <a16:creationId xmlns:a16="http://schemas.microsoft.com/office/drawing/2014/main" id="{5DA1D9B0-4A49-4D20-A1CF-17CFB5017223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698068" y="39370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13" name="OTLSHAPE_T_1427f82205b24c7e86175df168f0bd7e_Shape">
            <a:extLst>
              <a:ext uri="{FF2B5EF4-FFF2-40B4-BE49-F238E27FC236}">
                <a16:creationId xmlns:a16="http://schemas.microsoft.com/office/drawing/2014/main" id="{9F382699-8B64-4A48-85EE-99201EDF139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860681" y="42037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15" name="OTLSHAPE_T_21a1357daf3b46a298691ce01de8f5b9_Shape">
            <a:extLst>
              <a:ext uri="{FF2B5EF4-FFF2-40B4-BE49-F238E27FC236}">
                <a16:creationId xmlns:a16="http://schemas.microsoft.com/office/drawing/2014/main" id="{041AC5E4-AF15-43D2-8025-6BE1F0EBB62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023296" y="44704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C95D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17" name="OTLSHAPE_T_2f8642bae68a40fd810c3081d4177bf8_Shape">
            <a:extLst>
              <a:ext uri="{FF2B5EF4-FFF2-40B4-BE49-F238E27FC236}">
                <a16:creationId xmlns:a16="http://schemas.microsoft.com/office/drawing/2014/main" id="{403EB601-2B81-4FDC-92B8-B6A540FE0BC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895256" y="4737100"/>
            <a:ext cx="127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62182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0" name="OTLSHAPE_T_e74d3e7104b6443fa8d87e26ca744da7_ShapePercentage" hidden="1">
            <a:extLst>
              <a:ext uri="{FF2B5EF4-FFF2-40B4-BE49-F238E27FC236}">
                <a16:creationId xmlns:a16="http://schemas.microsoft.com/office/drawing/2014/main" id="{8236E5E1-0000-45EC-8FED-C4F4C3B4F00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466306" y="23368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2" name="OTLSHAPE_T_ad2a4c6a91b44eaa826d75ddb766e61e_ShapePercentage" hidden="1">
            <a:extLst>
              <a:ext uri="{FF2B5EF4-FFF2-40B4-BE49-F238E27FC236}">
                <a16:creationId xmlns:a16="http://schemas.microsoft.com/office/drawing/2014/main" id="{EB6C9677-4C40-4DD8-8C18-5FBA25EA706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047613" y="26035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4" name="OTLSHAPE_T_5515921e40ac45f389849d40b5e9d235_ShapePercentage" hidden="1">
            <a:extLst>
              <a:ext uri="{FF2B5EF4-FFF2-40B4-BE49-F238E27FC236}">
                <a16:creationId xmlns:a16="http://schemas.microsoft.com/office/drawing/2014/main" id="{F8167FE1-68C6-415F-9095-1F91FCF8D27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628920" y="28702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6" name="OTLSHAPE_T_9ddedaf8b19c41c2a37d94ac64317db5_ShapePercentage" hidden="1">
            <a:extLst>
              <a:ext uri="{FF2B5EF4-FFF2-40B4-BE49-F238E27FC236}">
                <a16:creationId xmlns:a16="http://schemas.microsoft.com/office/drawing/2014/main" id="{76F7DC17-49B0-43A8-9D08-73159407D2F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2919574" y="31369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08" name="OTLSHAPE_T_6d0c416dd459457e953ce00f95ed5936_ShapePercentage" hidden="1">
            <a:extLst>
              <a:ext uri="{FF2B5EF4-FFF2-40B4-BE49-F238E27FC236}">
                <a16:creationId xmlns:a16="http://schemas.microsoft.com/office/drawing/2014/main" id="{6D5F7278-E171-46F0-B275-278F05A559A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082187" y="34036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10" name="OTLSHAPE_T_4f29179600ff4b9e86236f2075cb7586_ShapePercentage" hidden="1">
            <a:extLst>
              <a:ext uri="{FF2B5EF4-FFF2-40B4-BE49-F238E27FC236}">
                <a16:creationId xmlns:a16="http://schemas.microsoft.com/office/drawing/2014/main" id="{E81328ED-6526-45B7-9140-117A341A5553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244801" y="36703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12" name="OTLSHAPE_T_9a6ac043d9d34dc9b21615bc4c02e8ae_ShapePercentage" hidden="1">
            <a:extLst>
              <a:ext uri="{FF2B5EF4-FFF2-40B4-BE49-F238E27FC236}">
                <a16:creationId xmlns:a16="http://schemas.microsoft.com/office/drawing/2014/main" id="{9AB6BD14-E09A-4433-8A4C-46F975B426B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698068" y="39370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14" name="OTLSHAPE_T_1427f82205b24c7e86175df168f0bd7e_ShapePercentage" hidden="1">
            <a:extLst>
              <a:ext uri="{FF2B5EF4-FFF2-40B4-BE49-F238E27FC236}">
                <a16:creationId xmlns:a16="http://schemas.microsoft.com/office/drawing/2014/main" id="{F7CFD2A0-12FC-4DDD-9233-4A3C0F74721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860681" y="42037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16" name="OTLSHAPE_T_21a1357daf3b46a298691ce01de8f5b9_ShapePercentage" hidden="1">
            <a:extLst>
              <a:ext uri="{FF2B5EF4-FFF2-40B4-BE49-F238E27FC236}">
                <a16:creationId xmlns:a16="http://schemas.microsoft.com/office/drawing/2014/main" id="{BBE62F07-9B4D-446F-9310-4C8F9AE0E71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9023296" y="44704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18" name="OTLSHAPE_T_2f8642bae68a40fd810c3081d4177bf8_ShapePercentage" hidden="1">
            <a:extLst>
              <a:ext uri="{FF2B5EF4-FFF2-40B4-BE49-F238E27FC236}">
                <a16:creationId xmlns:a16="http://schemas.microsoft.com/office/drawing/2014/main" id="{7404EC71-2378-40CE-BD59-372399103021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9895256" y="47371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17" name="OTLSHAPE_T_e74d3e7104b6443fa8d87e26ca744da7_Duration" hidden="1">
            <a:extLst>
              <a:ext uri="{FF2B5EF4-FFF2-40B4-BE49-F238E27FC236}">
                <a16:creationId xmlns:a16="http://schemas.microsoft.com/office/drawing/2014/main" id="{340A1AC1-EEA1-43C4-AC66-04F4DD4B619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8" name="OTLSHAPE_T_e74d3e7104b6443fa8d87e26ca744da7_TextPercentage" hidden="1">
            <a:extLst>
              <a:ext uri="{FF2B5EF4-FFF2-40B4-BE49-F238E27FC236}">
                <a16:creationId xmlns:a16="http://schemas.microsoft.com/office/drawing/2014/main" id="{CE64A5AB-32A4-438E-A77C-75FBA124980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_e74d3e7104b6443fa8d87e26ca744da7_StartDate" hidden="1">
            <a:extLst>
              <a:ext uri="{FF2B5EF4-FFF2-40B4-BE49-F238E27FC236}">
                <a16:creationId xmlns:a16="http://schemas.microsoft.com/office/drawing/2014/main" id="{2A1ABC66-B8CF-4C17-992D-6DA2AE89B67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e74d3e7104b6443fa8d87e26ca744da7_EndDate" hidden="1">
            <a:extLst>
              <a:ext uri="{FF2B5EF4-FFF2-40B4-BE49-F238E27FC236}">
                <a16:creationId xmlns:a16="http://schemas.microsoft.com/office/drawing/2014/main" id="{255D9169-C804-41DB-A4CA-7ECE653A1EA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e74d3e7104b6443fa8d87e26ca744da7_JoinedDate">
            <a:extLst>
              <a:ext uri="{FF2B5EF4-FFF2-40B4-BE49-F238E27FC236}">
                <a16:creationId xmlns:a16="http://schemas.microsoft.com/office/drawing/2014/main" id="{855F8C2B-CF81-4DD7-A49E-7BFEB76B5C9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641643" y="236088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2" dirty="0">
                <a:solidFill>
                  <a:schemeClr val="dk2"/>
                </a:solidFill>
                <a:latin typeface="Calibri" panose="020F0502020204030204" pitchFamily="34" charset="0"/>
              </a:rPr>
              <a:t>Mar 12 - Mar 14</a:t>
            </a:r>
          </a:p>
        </p:txBody>
      </p:sp>
      <p:sp>
        <p:nvSpPr>
          <p:cNvPr id="22" name="OTLSHAPE_T_e74d3e7104b6443fa8d87e26ca744da7_Title">
            <a:extLst>
              <a:ext uri="{FF2B5EF4-FFF2-40B4-BE49-F238E27FC236}">
                <a16:creationId xmlns:a16="http://schemas.microsoft.com/office/drawing/2014/main" id="{F911D087-6743-4BCD-847D-E55CE26D9304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0" y="235314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+ T4 B</a:t>
            </a:r>
          </a:p>
        </p:txBody>
      </p:sp>
      <p:sp>
        <p:nvSpPr>
          <p:cNvPr id="25" name="OTLSHAPE_T_ad2a4c6a91b44eaa826d75ddb766e61e_Duration" hidden="1">
            <a:extLst>
              <a:ext uri="{FF2B5EF4-FFF2-40B4-BE49-F238E27FC236}">
                <a16:creationId xmlns:a16="http://schemas.microsoft.com/office/drawing/2014/main" id="{7F6B5312-795B-4F9D-BC9B-91E2BD5AAE7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26" name="OTLSHAPE_T_ad2a4c6a91b44eaa826d75ddb766e61e_TextPercentage" hidden="1">
            <a:extLst>
              <a:ext uri="{FF2B5EF4-FFF2-40B4-BE49-F238E27FC236}">
                <a16:creationId xmlns:a16="http://schemas.microsoft.com/office/drawing/2014/main" id="{9B51A950-49F6-4C8F-8B15-45289DFD8C4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ad2a4c6a91b44eaa826d75ddb766e61e_StartDate" hidden="1">
            <a:extLst>
              <a:ext uri="{FF2B5EF4-FFF2-40B4-BE49-F238E27FC236}">
                <a16:creationId xmlns:a16="http://schemas.microsoft.com/office/drawing/2014/main" id="{BE21E126-1889-4920-9CED-D8CDA0D676B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ad2a4c6a91b44eaa826d75ddb766e61e_EndDate" hidden="1">
            <a:extLst>
              <a:ext uri="{FF2B5EF4-FFF2-40B4-BE49-F238E27FC236}">
                <a16:creationId xmlns:a16="http://schemas.microsoft.com/office/drawing/2014/main" id="{0A1E2680-387E-4056-BD25-20D4DE6A23B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ad2a4c6a91b44eaa826d75ddb766e61e_JoinedDate">
            <a:extLst>
              <a:ext uri="{FF2B5EF4-FFF2-40B4-BE49-F238E27FC236}">
                <a16:creationId xmlns:a16="http://schemas.microsoft.com/office/drawing/2014/main" id="{93A82944-7073-43B0-B88D-DEB0DA81D87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222950" y="262758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2">
                <a:solidFill>
                  <a:schemeClr val="dk2"/>
                </a:solidFill>
                <a:latin typeface="Calibri" panose="020F0502020204030204" pitchFamily="34" charset="0"/>
              </a:rPr>
              <a:t>Mar 26 - Mar 28</a:t>
            </a:r>
          </a:p>
        </p:txBody>
      </p:sp>
      <p:sp>
        <p:nvSpPr>
          <p:cNvPr id="30" name="OTLSHAPE_T_ad2a4c6a91b44eaa826d75ddb766e61e_Title">
            <a:extLst>
              <a:ext uri="{FF2B5EF4-FFF2-40B4-BE49-F238E27FC236}">
                <a16:creationId xmlns:a16="http://schemas.microsoft.com/office/drawing/2014/main" id="{CD38E01E-E5CE-4B0D-8814-ADEA3DD8D6BB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0" y="2619841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T4 B sozinha online "emergencial"</a:t>
            </a:r>
          </a:p>
        </p:txBody>
      </p:sp>
      <p:sp>
        <p:nvSpPr>
          <p:cNvPr id="33" name="OTLSHAPE_T_5515921e40ac45f389849d40b5e9d235_Duration" hidden="1">
            <a:extLst>
              <a:ext uri="{FF2B5EF4-FFF2-40B4-BE49-F238E27FC236}">
                <a16:creationId xmlns:a16="http://schemas.microsoft.com/office/drawing/2014/main" id="{835CF059-8C85-49E6-AE0C-BDADD94FA67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34" name="OTLSHAPE_T_5515921e40ac45f389849d40b5e9d235_TextPercentage" hidden="1">
            <a:extLst>
              <a:ext uri="{FF2B5EF4-FFF2-40B4-BE49-F238E27FC236}">
                <a16:creationId xmlns:a16="http://schemas.microsoft.com/office/drawing/2014/main" id="{386C1425-F11F-411C-ABFF-5B129547621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5515921e40ac45f389849d40b5e9d235_StartDate" hidden="1">
            <a:extLst>
              <a:ext uri="{FF2B5EF4-FFF2-40B4-BE49-F238E27FC236}">
                <a16:creationId xmlns:a16="http://schemas.microsoft.com/office/drawing/2014/main" id="{91FFA4B4-1843-4F9E-A01F-C91D6BDA80C9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5515921e40ac45f389849d40b5e9d235_EndDate" hidden="1">
            <a:extLst>
              <a:ext uri="{FF2B5EF4-FFF2-40B4-BE49-F238E27FC236}">
                <a16:creationId xmlns:a16="http://schemas.microsoft.com/office/drawing/2014/main" id="{6BB85776-D072-421F-9159-322B5D02C8E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5515921e40ac45f389849d40b5e9d235_JoinedDate">
            <a:extLst>
              <a:ext uri="{FF2B5EF4-FFF2-40B4-BE49-F238E27FC236}">
                <a16:creationId xmlns:a16="http://schemas.microsoft.com/office/drawing/2014/main" id="{7F732943-A870-4A68-BC06-4DE59F9520E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804257" y="289428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2">
                <a:solidFill>
                  <a:schemeClr val="dk2"/>
                </a:solidFill>
                <a:latin typeface="Calibri" panose="020F0502020204030204" pitchFamily="34" charset="0"/>
              </a:rPr>
              <a:t>Apr 9 - Apr 11</a:t>
            </a:r>
          </a:p>
        </p:txBody>
      </p:sp>
      <p:sp>
        <p:nvSpPr>
          <p:cNvPr id="38" name="OTLSHAPE_T_5515921e40ac45f389849d40b5e9d235_Title">
            <a:extLst>
              <a:ext uri="{FF2B5EF4-FFF2-40B4-BE49-F238E27FC236}">
                <a16:creationId xmlns:a16="http://schemas.microsoft.com/office/drawing/2014/main" id="{45C57564-5ADE-4C2F-B7CB-8254490979D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0" y="2886541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B + T4</a:t>
            </a:r>
          </a:p>
        </p:txBody>
      </p:sp>
      <p:sp>
        <p:nvSpPr>
          <p:cNvPr id="42" name="OTLSHAPE_T_9ddedaf8b19c41c2a37d94ac64317db5_Duration" hidden="1">
            <a:extLst>
              <a:ext uri="{FF2B5EF4-FFF2-40B4-BE49-F238E27FC236}">
                <a16:creationId xmlns:a16="http://schemas.microsoft.com/office/drawing/2014/main" id="{EF3B7638-BBB6-47D0-982E-8D6D0F41A04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43" name="OTLSHAPE_T_9ddedaf8b19c41c2a37d94ac64317db5_TextPercentage" hidden="1">
            <a:extLst>
              <a:ext uri="{FF2B5EF4-FFF2-40B4-BE49-F238E27FC236}">
                <a16:creationId xmlns:a16="http://schemas.microsoft.com/office/drawing/2014/main" id="{134D2930-B9E6-4194-A856-0D9373E475C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9ddedaf8b19c41c2a37d94ac64317db5_StartDate" hidden="1">
            <a:extLst>
              <a:ext uri="{FF2B5EF4-FFF2-40B4-BE49-F238E27FC236}">
                <a16:creationId xmlns:a16="http://schemas.microsoft.com/office/drawing/2014/main" id="{879B0AB3-30C4-4099-ACF0-8877EC6DB09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9ddedaf8b19c41c2a37d94ac64317db5_EndDate" hidden="1">
            <a:extLst>
              <a:ext uri="{FF2B5EF4-FFF2-40B4-BE49-F238E27FC236}">
                <a16:creationId xmlns:a16="http://schemas.microsoft.com/office/drawing/2014/main" id="{75451101-8B3E-4611-84BD-C213E78C765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9ddedaf8b19c41c2a37d94ac64317db5_JoinedDate">
            <a:extLst>
              <a:ext uri="{FF2B5EF4-FFF2-40B4-BE49-F238E27FC236}">
                <a16:creationId xmlns:a16="http://schemas.microsoft.com/office/drawing/2014/main" id="{D17B079B-0064-4937-8C28-074FAE876E1C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3094911" y="3160988"/>
            <a:ext cx="787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2">
                <a:solidFill>
                  <a:schemeClr val="dk2"/>
                </a:solidFill>
                <a:latin typeface="Calibri" panose="020F0502020204030204" pitchFamily="34" charset="0"/>
              </a:rPr>
              <a:t>Apr 16 - Apr 18</a:t>
            </a:r>
          </a:p>
        </p:txBody>
      </p:sp>
      <p:sp>
        <p:nvSpPr>
          <p:cNvPr id="47" name="OTLSHAPE_T_9ddedaf8b19c41c2a37d94ac64317db5_Title">
            <a:extLst>
              <a:ext uri="{FF2B5EF4-FFF2-40B4-BE49-F238E27FC236}">
                <a16:creationId xmlns:a16="http://schemas.microsoft.com/office/drawing/2014/main" id="{F62F571D-0316-41F2-B911-BE54220AAD3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0" y="315324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B prova </a:t>
            </a:r>
          </a:p>
        </p:txBody>
      </p:sp>
      <p:sp>
        <p:nvSpPr>
          <p:cNvPr id="56" name="OTLSHAPE_T_6d0c416dd459457e953ce00f95ed5936_Duration" hidden="1">
            <a:extLst>
              <a:ext uri="{FF2B5EF4-FFF2-40B4-BE49-F238E27FC236}">
                <a16:creationId xmlns:a16="http://schemas.microsoft.com/office/drawing/2014/main" id="{694462A9-606D-4AA0-B89B-F720DEECE7C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57" name="OTLSHAPE_T_6d0c416dd459457e953ce00f95ed5936_TextPercentage" hidden="1">
            <a:extLst>
              <a:ext uri="{FF2B5EF4-FFF2-40B4-BE49-F238E27FC236}">
                <a16:creationId xmlns:a16="http://schemas.microsoft.com/office/drawing/2014/main" id="{A99B89D0-2F9F-49E3-B7E5-3AC448B096C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6d0c416dd459457e953ce00f95ed5936_StartDate" hidden="1">
            <a:extLst>
              <a:ext uri="{FF2B5EF4-FFF2-40B4-BE49-F238E27FC236}">
                <a16:creationId xmlns:a16="http://schemas.microsoft.com/office/drawing/2014/main" id="{FFDC403C-40E0-441E-B926-A378D473C3A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6d0c416dd459457e953ce00f95ed5936_EndDate" hidden="1">
            <a:extLst>
              <a:ext uri="{FF2B5EF4-FFF2-40B4-BE49-F238E27FC236}">
                <a16:creationId xmlns:a16="http://schemas.microsoft.com/office/drawing/2014/main" id="{FA074D18-9AC2-4324-8D9C-E4D58B25BF1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6d0c416dd459457e953ce00f95ed5936_JoinedDate">
            <a:extLst>
              <a:ext uri="{FF2B5EF4-FFF2-40B4-BE49-F238E27FC236}">
                <a16:creationId xmlns:a16="http://schemas.microsoft.com/office/drawing/2014/main" id="{35E7FAB7-33CB-4A9A-821D-FF14B2CE93D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257524" y="342768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May 14 - May 16</a:t>
            </a:r>
          </a:p>
        </p:txBody>
      </p:sp>
      <p:sp>
        <p:nvSpPr>
          <p:cNvPr id="61" name="OTLSHAPE_T_6d0c416dd459457e953ce00f95ed5936_Title">
            <a:extLst>
              <a:ext uri="{FF2B5EF4-FFF2-40B4-BE49-F238E27FC236}">
                <a16:creationId xmlns:a16="http://schemas.microsoft.com/office/drawing/2014/main" id="{5998646E-9468-47B4-82DC-084761070C5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0" y="3419940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juntas </a:t>
            </a:r>
          </a:p>
        </p:txBody>
      </p:sp>
      <p:sp>
        <p:nvSpPr>
          <p:cNvPr id="64" name="OTLSHAPE_T_4f29179600ff4b9e86236f2075cb7586_Duration" hidden="1">
            <a:extLst>
              <a:ext uri="{FF2B5EF4-FFF2-40B4-BE49-F238E27FC236}">
                <a16:creationId xmlns:a16="http://schemas.microsoft.com/office/drawing/2014/main" id="{924C5483-4877-4042-914C-AF04D8BF56C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65" name="OTLSHAPE_T_4f29179600ff4b9e86236f2075cb7586_TextPercentage" hidden="1">
            <a:extLst>
              <a:ext uri="{FF2B5EF4-FFF2-40B4-BE49-F238E27FC236}">
                <a16:creationId xmlns:a16="http://schemas.microsoft.com/office/drawing/2014/main" id="{C5F9C787-939C-4A12-8439-497E92B443AC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4f29179600ff4b9e86236f2075cb7586_StartDate" hidden="1">
            <a:extLst>
              <a:ext uri="{FF2B5EF4-FFF2-40B4-BE49-F238E27FC236}">
                <a16:creationId xmlns:a16="http://schemas.microsoft.com/office/drawing/2014/main" id="{951A1E9B-C391-4238-AC25-7905711B4FE6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4f29179600ff4b9e86236f2075cb7586_EndDate" hidden="1">
            <a:extLst>
              <a:ext uri="{FF2B5EF4-FFF2-40B4-BE49-F238E27FC236}">
                <a16:creationId xmlns:a16="http://schemas.microsoft.com/office/drawing/2014/main" id="{857B6D4D-EA73-49F7-985E-F4B5462392C9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4f29179600ff4b9e86236f2075cb7586_JoinedDate">
            <a:extLst>
              <a:ext uri="{FF2B5EF4-FFF2-40B4-BE49-F238E27FC236}">
                <a16:creationId xmlns:a16="http://schemas.microsoft.com/office/drawing/2014/main" id="{C14D678B-7D8D-4C3E-9C91-F0AFA9E41E8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420138" y="369438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13</a:t>
            </a:r>
          </a:p>
        </p:txBody>
      </p:sp>
      <p:sp>
        <p:nvSpPr>
          <p:cNvPr id="69" name="OTLSHAPE_T_4f29179600ff4b9e86236f2075cb7586_Title">
            <a:extLst>
              <a:ext uri="{FF2B5EF4-FFF2-40B4-BE49-F238E27FC236}">
                <a16:creationId xmlns:a16="http://schemas.microsoft.com/office/drawing/2014/main" id="{49BEA761-146B-4E9C-89FA-DF84CF5FADB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0" y="3686640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juntas </a:t>
            </a:r>
          </a:p>
        </p:txBody>
      </p:sp>
      <p:sp>
        <p:nvSpPr>
          <p:cNvPr id="72" name="OTLSHAPE_T_9a6ac043d9d34dc9b21615bc4c02e8ae_Duration" hidden="1">
            <a:extLst>
              <a:ext uri="{FF2B5EF4-FFF2-40B4-BE49-F238E27FC236}">
                <a16:creationId xmlns:a16="http://schemas.microsoft.com/office/drawing/2014/main" id="{EB38EFB1-D4F6-46F7-B393-C535AB57F9E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73" name="OTLSHAPE_T_9a6ac043d9d34dc9b21615bc4c02e8ae_TextPercentage" hidden="1">
            <a:extLst>
              <a:ext uri="{FF2B5EF4-FFF2-40B4-BE49-F238E27FC236}">
                <a16:creationId xmlns:a16="http://schemas.microsoft.com/office/drawing/2014/main" id="{1CC4ECCE-EE21-47F7-A54C-86AF85BB8F6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9a6ac043d9d34dc9b21615bc4c02e8ae_StartDate" hidden="1">
            <a:extLst>
              <a:ext uri="{FF2B5EF4-FFF2-40B4-BE49-F238E27FC236}">
                <a16:creationId xmlns:a16="http://schemas.microsoft.com/office/drawing/2014/main" id="{3F3828DC-1CD0-4C05-AE9E-63D8877EF54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9a6ac043d9d34dc9b21615bc4c02e8ae_EndDate" hidden="1">
            <a:extLst>
              <a:ext uri="{FF2B5EF4-FFF2-40B4-BE49-F238E27FC236}">
                <a16:creationId xmlns:a16="http://schemas.microsoft.com/office/drawing/2014/main" id="{72F4EF8D-21BF-46F3-AC25-C1A4E88888E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a6ac043d9d34dc9b21615bc4c02e8ae_JoinedDate">
            <a:extLst>
              <a:ext uri="{FF2B5EF4-FFF2-40B4-BE49-F238E27FC236}">
                <a16:creationId xmlns:a16="http://schemas.microsoft.com/office/drawing/2014/main" id="{A4D8B24F-7CCC-4E01-89C5-7C8499189D1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873405" y="396108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Jul 16 - Jul 18</a:t>
            </a:r>
          </a:p>
        </p:txBody>
      </p:sp>
      <p:sp>
        <p:nvSpPr>
          <p:cNvPr id="77" name="OTLSHAPE_T_9a6ac043d9d34dc9b21615bc4c02e8ae_Title">
            <a:extLst>
              <a:ext uri="{FF2B5EF4-FFF2-40B4-BE49-F238E27FC236}">
                <a16:creationId xmlns:a16="http://schemas.microsoft.com/office/drawing/2014/main" id="{1D317F47-8ED7-4C75-8AAA-76C9316A6CB8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0" y="395334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juntas</a:t>
            </a:r>
          </a:p>
        </p:txBody>
      </p:sp>
      <p:sp>
        <p:nvSpPr>
          <p:cNvPr id="80" name="OTLSHAPE_T_1427f82205b24c7e86175df168f0bd7e_Duration" hidden="1">
            <a:extLst>
              <a:ext uri="{FF2B5EF4-FFF2-40B4-BE49-F238E27FC236}">
                <a16:creationId xmlns:a16="http://schemas.microsoft.com/office/drawing/2014/main" id="{DC5ACD4B-7913-430B-85E2-E2A2126DA45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81" name="OTLSHAPE_T_1427f82205b24c7e86175df168f0bd7e_TextPercentage" hidden="1">
            <a:extLst>
              <a:ext uri="{FF2B5EF4-FFF2-40B4-BE49-F238E27FC236}">
                <a16:creationId xmlns:a16="http://schemas.microsoft.com/office/drawing/2014/main" id="{EF8F9039-E8D2-48A2-AFBB-CD8B312EFF1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1427f82205b24c7e86175df168f0bd7e_StartDate" hidden="1">
            <a:extLst>
              <a:ext uri="{FF2B5EF4-FFF2-40B4-BE49-F238E27FC236}">
                <a16:creationId xmlns:a16="http://schemas.microsoft.com/office/drawing/2014/main" id="{23B9FEE0-7E8E-401D-B642-973E8EBA1B97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1427f82205b24c7e86175df168f0bd7e_EndDate" hidden="1">
            <a:extLst>
              <a:ext uri="{FF2B5EF4-FFF2-40B4-BE49-F238E27FC236}">
                <a16:creationId xmlns:a16="http://schemas.microsoft.com/office/drawing/2014/main" id="{A9707AD8-AF3C-42FD-A552-2F881C9DF3BB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1427f82205b24c7e86175df168f0bd7e_JoinedDate">
            <a:extLst>
              <a:ext uri="{FF2B5EF4-FFF2-40B4-BE49-F238E27FC236}">
                <a16:creationId xmlns:a16="http://schemas.microsoft.com/office/drawing/2014/main" id="{3FFCD777-B150-4194-AC01-88E19EA07C7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036019" y="42277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Aug 13 - Aug 15</a:t>
            </a:r>
          </a:p>
        </p:txBody>
      </p:sp>
      <p:sp>
        <p:nvSpPr>
          <p:cNvPr id="85" name="OTLSHAPE_T_1427f82205b24c7e86175df168f0bd7e_Title">
            <a:extLst>
              <a:ext uri="{FF2B5EF4-FFF2-40B4-BE49-F238E27FC236}">
                <a16:creationId xmlns:a16="http://schemas.microsoft.com/office/drawing/2014/main" id="{0563614A-41BA-42D0-A3B0-2C7A9C3F07B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0" y="422004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juntas</a:t>
            </a:r>
          </a:p>
        </p:txBody>
      </p:sp>
      <p:sp>
        <p:nvSpPr>
          <p:cNvPr id="88" name="OTLSHAPE_T_21a1357daf3b46a298691ce01de8f5b9_Duration" hidden="1">
            <a:extLst>
              <a:ext uri="{FF2B5EF4-FFF2-40B4-BE49-F238E27FC236}">
                <a16:creationId xmlns:a16="http://schemas.microsoft.com/office/drawing/2014/main" id="{E1FC3C6D-ADA2-4399-8D69-417DB083E88D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89" name="OTLSHAPE_T_21a1357daf3b46a298691ce01de8f5b9_TextPercentage" hidden="1">
            <a:extLst>
              <a:ext uri="{FF2B5EF4-FFF2-40B4-BE49-F238E27FC236}">
                <a16:creationId xmlns:a16="http://schemas.microsoft.com/office/drawing/2014/main" id="{D300177A-6766-4515-93E8-84FE2B0554F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21a1357daf3b46a298691ce01de8f5b9_StartDate" hidden="1">
            <a:extLst>
              <a:ext uri="{FF2B5EF4-FFF2-40B4-BE49-F238E27FC236}">
                <a16:creationId xmlns:a16="http://schemas.microsoft.com/office/drawing/2014/main" id="{58421C4D-A7B5-4268-9D73-9D9D32202CC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21a1357daf3b46a298691ce01de8f5b9_EndDate" hidden="1">
            <a:extLst>
              <a:ext uri="{FF2B5EF4-FFF2-40B4-BE49-F238E27FC236}">
                <a16:creationId xmlns:a16="http://schemas.microsoft.com/office/drawing/2014/main" id="{BAE5ECAF-7D96-49A8-B568-4FFD2277959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21a1357daf3b46a298691ce01de8f5b9_JoinedDate">
            <a:extLst>
              <a:ext uri="{FF2B5EF4-FFF2-40B4-BE49-F238E27FC236}">
                <a16:creationId xmlns:a16="http://schemas.microsoft.com/office/drawing/2014/main" id="{C7AA7783-6B75-4555-AA6E-E340A8C0BCBD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198632" y="449448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Sep 10 - Sep 12</a:t>
            </a:r>
          </a:p>
        </p:txBody>
      </p:sp>
      <p:sp>
        <p:nvSpPr>
          <p:cNvPr id="93" name="OTLSHAPE_T_21a1357daf3b46a298691ce01de8f5b9_Title">
            <a:extLst>
              <a:ext uri="{FF2B5EF4-FFF2-40B4-BE49-F238E27FC236}">
                <a16:creationId xmlns:a16="http://schemas.microsoft.com/office/drawing/2014/main" id="{4AC082EB-7D59-41BB-8061-CA7CACD8FA9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0" y="448674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juntas</a:t>
            </a:r>
          </a:p>
        </p:txBody>
      </p:sp>
      <p:sp>
        <p:nvSpPr>
          <p:cNvPr id="96" name="OTLSHAPE_T_2f8642bae68a40fd810c3081d4177bf8_Duration" hidden="1">
            <a:extLst>
              <a:ext uri="{FF2B5EF4-FFF2-40B4-BE49-F238E27FC236}">
                <a16:creationId xmlns:a16="http://schemas.microsoft.com/office/drawing/2014/main" id="{4777ACC8-74FC-4281-8F3A-F9895902A177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7" name="OTLSHAPE_T_2f8642bae68a40fd810c3081d4177bf8_TextPercentage" hidden="1">
            <a:extLst>
              <a:ext uri="{FF2B5EF4-FFF2-40B4-BE49-F238E27FC236}">
                <a16:creationId xmlns:a16="http://schemas.microsoft.com/office/drawing/2014/main" id="{9057E533-6C99-4802-B9A9-2FD60B96DCB2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2f8642bae68a40fd810c3081d4177bf8_StartDate" hidden="1">
            <a:extLst>
              <a:ext uri="{FF2B5EF4-FFF2-40B4-BE49-F238E27FC236}">
                <a16:creationId xmlns:a16="http://schemas.microsoft.com/office/drawing/2014/main" id="{F030362B-72BF-4709-A458-12494C85982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2f8642bae68a40fd810c3081d4177bf8_EndDate" hidden="1">
            <a:extLst>
              <a:ext uri="{FF2B5EF4-FFF2-40B4-BE49-F238E27FC236}">
                <a16:creationId xmlns:a16="http://schemas.microsoft.com/office/drawing/2014/main" id="{56D438D0-5901-4762-8A03-BAB3EB7369B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2f8642bae68a40fd810c3081d4177bf8_JoinedDate">
            <a:extLst>
              <a:ext uri="{FF2B5EF4-FFF2-40B4-BE49-F238E27FC236}">
                <a16:creationId xmlns:a16="http://schemas.microsoft.com/office/drawing/2014/main" id="{B32ADB9E-B8D8-4288-BBE4-92BEA9FD0ED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070592" y="476118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Oct 1 - Oct 3</a:t>
            </a:r>
          </a:p>
        </p:txBody>
      </p:sp>
      <p:sp>
        <p:nvSpPr>
          <p:cNvPr id="101" name="OTLSHAPE_T_2f8642bae68a40fd810c3081d4177bf8_Title">
            <a:extLst>
              <a:ext uri="{FF2B5EF4-FFF2-40B4-BE49-F238E27FC236}">
                <a16:creationId xmlns:a16="http://schemas.microsoft.com/office/drawing/2014/main" id="{68CAFD7E-FDA6-4794-8818-FCC4B0A1097C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0" y="475344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junta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117176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E823DFA7-4DC8-4D08-BF37-CAF5740975F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51944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BR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9A7DA23D-0E6F-40FF-B589-71FDC5A06A8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519446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BR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  <a:endParaRPr lang="pt-BR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41" name="OTLSHAPE_T_c6c12cc4e61e4af28607156788f306db_HorizontalConnector1">
            <a:extLst>
              <a:ext uri="{FF2B5EF4-FFF2-40B4-BE49-F238E27FC236}">
                <a16:creationId xmlns:a16="http://schemas.microsoft.com/office/drawing/2014/main" id="{A838471F-21CD-4A3C-AC24-63FECB3B5101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54642" y="4572000"/>
            <a:ext cx="102199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db17298516f4d2d907c8edc831c7565_HorizontalConnector1">
            <a:extLst>
              <a:ext uri="{FF2B5EF4-FFF2-40B4-BE49-F238E27FC236}">
                <a16:creationId xmlns:a16="http://schemas.microsoft.com/office/drawing/2014/main" id="{DDC3BD96-ECA7-404D-BABD-45C2EB23154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654643" y="4838700"/>
            <a:ext cx="702554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2002DC3-2B9F-4A31-BEAE-1329BBE3DC7A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5143500"/>
            <a:ext cx="105156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DD8717BB-415F-4B7C-B349-1D67CE0B1150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26" name="OTLSHAPE_TB_00000000000000000000000000000000_TodayMarkerShape" hidden="1">
            <a:extLst>
              <a:ext uri="{FF2B5EF4-FFF2-40B4-BE49-F238E27FC236}">
                <a16:creationId xmlns:a16="http://schemas.microsoft.com/office/drawing/2014/main" id="{4A6C48D0-4131-4619-B037-DFD86B4D220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55137" y="55245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3E4579F-7170-4B2C-A8E3-F771D4817F3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0730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pt-BR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0FD633CF-4464-4888-A269-51348984AB1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076117" y="5240972"/>
            <a:ext cx="23416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pt-BR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pt-BR" sz="1200" spc="-2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B_00000000000000000000000000000000_TodayMarkerText" hidden="1">
            <a:extLst>
              <a:ext uri="{FF2B5EF4-FFF2-40B4-BE49-F238E27FC236}">
                <a16:creationId xmlns:a16="http://schemas.microsoft.com/office/drawing/2014/main" id="{C294CBFF-7006-4F87-9F8D-57BB3213B746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pt-B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0DCC9BD-8956-4294-A99A-FEE91BA7A3E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012615" y="52070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T_c6c12cc4e61e4af28607156788f306db_Shape">
            <a:extLst>
              <a:ext uri="{FF2B5EF4-FFF2-40B4-BE49-F238E27FC236}">
                <a16:creationId xmlns:a16="http://schemas.microsoft.com/office/drawing/2014/main" id="{B8515703-CB47-456C-93A0-DB22D38D661C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676639" y="4470400"/>
            <a:ext cx="508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59" name="OTLSHAPE_T_adb17298516f4d2d907c8edc831c7565_Shape">
            <a:extLst>
              <a:ext uri="{FF2B5EF4-FFF2-40B4-BE49-F238E27FC236}">
                <a16:creationId xmlns:a16="http://schemas.microsoft.com/office/drawing/2014/main" id="{CB520BE8-6F6F-4D4B-A524-2610FEB10800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7680185" y="4737100"/>
            <a:ext cx="342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52" name="OTLSHAPE_T_c6c12cc4e61e4af28607156788f306db_ShapePercentage" hidden="1">
            <a:extLst>
              <a:ext uri="{FF2B5EF4-FFF2-40B4-BE49-F238E27FC236}">
                <a16:creationId xmlns:a16="http://schemas.microsoft.com/office/drawing/2014/main" id="{1D967938-093E-49FB-97B7-6A4496871D38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676639" y="44704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60" name="OTLSHAPE_T_adb17298516f4d2d907c8edc831c7565_ShapePercentage" hidden="1">
            <a:extLst>
              <a:ext uri="{FF2B5EF4-FFF2-40B4-BE49-F238E27FC236}">
                <a16:creationId xmlns:a16="http://schemas.microsoft.com/office/drawing/2014/main" id="{C5E8AC3D-7061-45D5-A58C-F5D0D0C0F7E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7680185" y="473710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BR"/>
          </a:p>
        </p:txBody>
      </p:sp>
      <p:sp>
        <p:nvSpPr>
          <p:cNvPr id="53" name="OTLSHAPE_T_c6c12cc4e61e4af28607156788f306db_Duration" hidden="1">
            <a:extLst>
              <a:ext uri="{FF2B5EF4-FFF2-40B4-BE49-F238E27FC236}">
                <a16:creationId xmlns:a16="http://schemas.microsoft.com/office/drawing/2014/main" id="{35F2145C-58FE-47F7-88C6-7E2458E482CC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-156577"/>
            <a:ext cx="279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54" name="OTLSHAPE_T_c6c12cc4e61e4af28607156788f306db_TextPercentage" hidden="1">
            <a:extLst>
              <a:ext uri="{FF2B5EF4-FFF2-40B4-BE49-F238E27FC236}">
                <a16:creationId xmlns:a16="http://schemas.microsoft.com/office/drawing/2014/main" id="{904B1F0F-13B2-4F85-B0FE-F34332BCBF0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c6c12cc4e61e4af28607156788f306db_StartDate" hidden="1">
            <a:extLst>
              <a:ext uri="{FF2B5EF4-FFF2-40B4-BE49-F238E27FC236}">
                <a16:creationId xmlns:a16="http://schemas.microsoft.com/office/drawing/2014/main" id="{6F8712AC-DC9C-4E09-8C8A-3B3A085FC38A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c6c12cc4e61e4af28607156788f306db_EndDate" hidden="1">
            <a:extLst>
              <a:ext uri="{FF2B5EF4-FFF2-40B4-BE49-F238E27FC236}">
                <a16:creationId xmlns:a16="http://schemas.microsoft.com/office/drawing/2014/main" id="{2E3066D9-EC74-4262-AABA-1F5DDD3EC75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c6c12cc4e61e4af28607156788f306db_JoinedDate">
            <a:extLst>
              <a:ext uri="{FF2B5EF4-FFF2-40B4-BE49-F238E27FC236}">
                <a16:creationId xmlns:a16="http://schemas.microsoft.com/office/drawing/2014/main" id="{0B6471FA-6C5C-49A8-8C87-2A7584217174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2227628" y="449448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Nov 5 - Nov 7</a:t>
            </a:r>
          </a:p>
        </p:txBody>
      </p:sp>
      <p:sp>
        <p:nvSpPr>
          <p:cNvPr id="58" name="OTLSHAPE_T_c6c12cc4e61e4af28607156788f306db_Title">
            <a:extLst>
              <a:ext uri="{FF2B5EF4-FFF2-40B4-BE49-F238E27FC236}">
                <a16:creationId xmlns:a16="http://schemas.microsoft.com/office/drawing/2014/main" id="{9BF65BAE-362B-41EA-B3B3-CEE9128C59F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0" y="448674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juntas</a:t>
            </a:r>
          </a:p>
        </p:txBody>
      </p:sp>
      <p:sp>
        <p:nvSpPr>
          <p:cNvPr id="61" name="OTLSHAPE_T_adb17298516f4d2d907c8edc831c7565_Duration" hidden="1">
            <a:extLst>
              <a:ext uri="{FF2B5EF4-FFF2-40B4-BE49-F238E27FC236}">
                <a16:creationId xmlns:a16="http://schemas.microsoft.com/office/drawing/2014/main" id="{FECAAFA0-1B5B-4DF3-8C1E-A9B73A4CA67B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-387410"/>
            <a:ext cx="469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>
                <a:solidFill>
                  <a:schemeClr val="accent2"/>
                </a:solidFill>
                <a:latin typeface="Calibri" panose="020F0502020204030204" pitchFamily="34" charset="0"/>
              </a:rPr>
              <a:t>1 minute</a:t>
            </a:r>
          </a:p>
        </p:txBody>
      </p:sp>
      <p:sp>
        <p:nvSpPr>
          <p:cNvPr id="62" name="OTLSHAPE_T_adb17298516f4d2d907c8edc831c7565_TextPercentage" hidden="1">
            <a:extLst>
              <a:ext uri="{FF2B5EF4-FFF2-40B4-BE49-F238E27FC236}">
                <a16:creationId xmlns:a16="http://schemas.microsoft.com/office/drawing/2014/main" id="{226A2978-35FC-46D5-AECD-958784DF1C25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adb17298516f4d2d907c8edc831c7565_StartDate" hidden="1">
            <a:extLst>
              <a:ext uri="{FF2B5EF4-FFF2-40B4-BE49-F238E27FC236}">
                <a16:creationId xmlns:a16="http://schemas.microsoft.com/office/drawing/2014/main" id="{3BB206C8-91B1-4353-8D7C-2EAE3CE3EFD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adb17298516f4d2d907c8edc831c7565_EndDate" hidden="1">
            <a:extLst>
              <a:ext uri="{FF2B5EF4-FFF2-40B4-BE49-F238E27FC236}">
                <a16:creationId xmlns:a16="http://schemas.microsoft.com/office/drawing/2014/main" id="{BCE24A13-C003-4248-BFA1-73445DE409F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pt-B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adb17298516f4d2d907c8edc831c7565_JoinedDate">
            <a:extLst>
              <a:ext uri="{FF2B5EF4-FFF2-40B4-BE49-F238E27FC236}">
                <a16:creationId xmlns:a16="http://schemas.microsoft.com/office/drawing/2014/main" id="{ED7809C0-FA2D-4BD7-9F7C-73AC42CC8B59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8064522" y="4761188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000" spc="-4">
                <a:solidFill>
                  <a:schemeClr val="dk2"/>
                </a:solidFill>
                <a:latin typeface="Calibri" panose="020F0502020204030204" pitchFamily="34" charset="0"/>
              </a:rPr>
              <a:t>Dec 10 - Dec 12</a:t>
            </a:r>
          </a:p>
        </p:txBody>
      </p:sp>
      <p:sp>
        <p:nvSpPr>
          <p:cNvPr id="66" name="OTLSHAPE_T_adb17298516f4d2d907c8edc831c7565_Title">
            <a:extLst>
              <a:ext uri="{FF2B5EF4-FFF2-40B4-BE49-F238E27FC236}">
                <a16:creationId xmlns:a16="http://schemas.microsoft.com/office/drawing/2014/main" id="{ED68046D-C429-4618-AA2C-20917015FC1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0" y="4753440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pt-BR" sz="1100" b="1" spc="-8">
                <a:solidFill>
                  <a:schemeClr val="dk1"/>
                </a:solidFill>
                <a:latin typeface="Calibri" panose="020F0502020204030204" pitchFamily="34" charset="0"/>
              </a:rPr>
              <a:t>T4 junta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5700143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NC4wNi4wMC4wMCIsIkVkaXRpb24iOiJGcmVlIiwiSXNQbHVzRWRpdGlvbiI6ZmFsc2UsIklzUHJvRWRpdGlvbiI6ZmFsc2V9LCJFZmZlY3QiOjE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w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3LCJTaGFwZVRoaWNrbmVzcyI6MS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xLTAyLTIx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wLTEwLTAyVDAwOjAwOjAwWiIsIkVuZERhdGUiOiIyMDIwLTEwLTA0VDIzOjU5OjAwWiIsIlBlcmNlbnRhZ2VDb21wbGV0ZSI6bnVsbCwiU3R5bGUiOnsiJGlkIjoiMTY3IiwiU2hhcGUiOjcsIlNoYXBlVGhpY2tuZXNzIjox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3MCIsIkxpbmVDb2xvciI6bnVsbCwiTGluZVdlaWdodCI6MC4wLCJMaW5lVHlwZSI6MCwiUGFyZW50U3R5bGUiOm51bGx9LCJQYXJlbnRTdHlsZSI6bnVsbH0sIkR1cmF0aW9uU3R5bGUiOnsiJGlkIjoiMTcxIiwiRm9udFNldHRpbmdzIjp7IiRpZCI6IjE3Mi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czIiwiTGluZUNvbG9yIjpudWxsLCJMaW5lV2VpZ2h0IjowLjAsIkxpbmVUeXBlIjowLCJQYXJlbnRTdHlsZSI6bnVsbH0sIlBhcmVudFN0eWxlIjpudWxsfSwiSG9yaXpvbnRhbENvbm5lY3RvclN0eWxlIjp7IiRpZCI6IjE3NCIsIkxpbmVDb2xvciI6eyIkcmVmIjoiOTkifSwiTGluZVdlaWdodCI6MS4wLCJMaW5lVHlwZSI6MCwiUGFyZW50U3R5bGUiOm51bGx9LCJWZXJ0aWNhbENvbm5lY3RvclN0eWxlIjp7IiRpZCI6IjE3NS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c2IiwiTWFyZ2luIjp7IiRyZWYiOiIxMDUifSwiUGFkZGluZyI6eyIkcmVmIjoiMTA2In0sIkJhY2tncm91bmQiOnsiJGlkIjoiMTc3IiwiQ29sb3IiOnsiJGlkIjoiMTc4IiwiQSI6MjU1LCJSIjo2OCwiRyI6MTE0LCJCIjoxOTZ9fSwiSXNWaXNpYmxlIjp0cnVlLCJXaWR0aCI6MC4wLCJIZWlnaHQiOjE2LjAsIkJvcmRlclN0eWxlIjp7IiRpZCI6IjE3OSIsIkxpbmVDb2xvciI6eyIkcmVmIjoiMTEwIn0sIkxpbmVXZWlnaHQiOjAuMCwiTGluZVR5cGUiOjAsIlBhcmVudFN0eWxlIjpudWxsfSwiUGFyZW50U3R5bGUiOm51bGx9LCJUaXRsZVN0eWxlIjp7IiRpZCI6IjE4MCIsIkZvbnRTZXR0aW5ncyI6eyIkaWQiOiIxODE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E4MiIsIkxpbmVDb2xvciI6bnVsbCwiTGluZVdlaWdodCI6MC4wLCJMaW5lVHlwZSI6MCwiUGFyZW50U3R5bGUiOm51bGx9LCJQYXJlbnRTdHlsZSI6bnVsbH0sIkRhdGVTdHlsZSI6eyIkaWQiOiIxODMiLCJGb250U2V0dGluZ3MiOnsiJGlkIjoiMTg0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OTMiLCJMaW5lQ29sb3IiOm51bGwsIkxpbmVXZWlnaHQiOjAuMCwiTGluZVR5cGUiOjAsIlBhcmVudFN0eWxlIjpudWxsfSwiUGFyZW50U3R5bGUiOm51bGx9LCJEdXJhdGlvblN0eWxlIjp7IiRpZCI6IjE5NCIsIkZvbnRTZXR0aW5ncyI6eyIkaWQiOiIxO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HJlZiI6Ijk5In0sIkxpbmVXZWlnaHQiOjEuMCwiTGluZVR5cGUiOjAsIlBhcmVudFN0eWxlIjpudWxsfSwiVmVydGljYWxDb25uZWN0b3JTdHlsZSI6eyIkaWQiOiIxOTg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5OSIsIk1hcmdpbiI6eyIkcmVmIjoiMTA1In0sIlBhZGRpbmciOnsiJHJlZiI6IjEwNiJ9LCJCYWNrZ3JvdW5kIjp7IiRpZCI6IjIwMCIsIkNvbG9yIjp7IiRpZCI6IjIwMSIsIkEiOjI1NSwiUiI6NjgsIkciOjExNCwiQiI6MTk2fX0sIklzVmlzaWJsZSI6dHJ1ZSwiV2lkdGgiOjAuMCwiSGVpZ2h0IjoxNi4wLCJCb3JkZXJTdHlsZSI6eyIkaWQiOiIyMDIiLCJMaW5lQ29sb3IiOnsiJHJlZiI6IjExMCJ9LCJMaW5lV2VpZ2h0IjowLjAsIkxpbmVUeXBlIjowLCJQYXJlbnRTdHlsZSI6bnVsbH0sIlBhcmVudFN0eWxlIjpudWxsfSwiVGl0bGVTdHlsZSI6eyIkaWQiOiIyMDMiLCJGb250U2V0dGluZ3MiOnsiJGlkIjoiMjA0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yMDUiLCJMaW5lQ29sb3IiOm51bGwsIkxpbmVXZWlnaHQiOjAuMCwiTGluZVR5cGUiOjAsIlBhcmVudFN0eWxlIjpudWxsfSwiUGFyZW50U3R5bGUiOm51bGx9LCJEYXRlU3R5bGUiOnsiJGlkIjoiMjA2IiwiRm9udFNldHRpbmdzIjp7IiRpZCI6IjIw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E2IiwiTGluZUNvbG9yIjpudWxsLCJMaW5lV2VpZ2h0IjowLjAsIkxpbmVUeXBlIjowLCJQYXJlbnRTdHlsZSI6bnVsbH0sIlBhcmVudFN0eWxlIjpudWxsfSwiRHVyYXRpb25TdHlsZSI6eyIkaWQiOiIyMTciLCJGb250U2V0dGluZ3MiOnsiJGlkIjoiMjE4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TkiLCJMaW5lQ29sb3IiOm51bGwsIkxpbmVXZWlnaHQiOjAuMCwiTGluZVR5cGUiOjAsIlBhcmVudFN0eWxlIjpudWxsfSwiUGFyZW50U3R5bGUiOm51bGx9LCJIb3Jpem9udGFsQ29ubmVjdG9yU3R5bGUiOnsiJGlkIjoiMjIwIiwiTGluZUNvbG9yIjp7IiRyZWYiOiI5OSJ9LCJMaW5lV2VpZ2h0IjoxLjAsIkxpbmVUeXBlIjowLCJQYXJlbnRTdHlsZSI6bnVsbH0sIlZlcnRpY2FsQ29ubmVjdG9yU3R5bGUiOnsiJGlkIjoiMjIx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MjIiLCJNYXJnaW4iOnsiJHJlZiI6IjEwNSJ9LCJQYWRkaW5nIjp7IiRyZWYiOiIxMDYifSwiQmFja2dyb3VuZCI6eyIkaWQiOiIyMjMiLCJDb2xvciI6eyIkaWQiOiIyMjQiLCJBIjoyNTUsIlIiOjE1MCwiRyI6MjE0LCJCIjo2Nn19LCJJc1Zpc2libGUiOnRydWUsIldpZHRoIjowLjAsIkhlaWdodCI6MTYuMCwiQm9yZGVyU3R5bGUiOnsiJGlkIjoiMjI1IiwiTGluZUNvbG9yIjp7IiRyZWYiOiIxMTAifSwiTGluZVdlaWdodCI6MC4wLCJMaW5lVHlwZSI6MCwiUGFyZW50U3R5bGUiOm51bGx9LCJQYXJlbnRTdHlsZSI6bnVsbH0sIlRpdGxlU3R5bGUiOnsiJGlkIjoiMjI2IiwiRm9udFNldHRpbmdzIjp7IiRpZCI6IjIyNy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I4IiwiTGluZUNvbG9yIjpudWxsLCJMaW5lV2VpZ2h0IjowLjAsIkxpbmVUeXBlIjowLCJQYXJlbnRTdHlsZSI6bnVsbH0sIlBhcmVudFN0eWxlIjpudWxsfSwiRGF0ZVN0eWxlIjp7IiRpZCI6IjIyOSIsIkZvbnRTZXR0aW5ncyI6eyIkaWQiOiIyMzA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IiLCJMaW5lQ29sb3IiOm51bGwsIkxpbmVXZWlnaHQiOjAuMCwiTGluZVR5cGUiOjAsIlBhcmVudFN0eWxlIjpudWxsfSwiUGFyZW50U3R5bGUiOm51bGx9LCJIb3Jpem9udGFsQ29ubmVjdG9yU3R5bGUiOnsiJGlkIjoiMjQzIiwiTGluZUNvbG9yIjp7IiRyZWYiOiI5OSJ9LCJMaW5lV2VpZ2h0IjoxLjAsIkxpbmVUeXBlIjowLCJQYXJlbnRTdHlsZSI6bnVsbH0sIlZlcnRpY2FsQ29ubmVjdG9yU3R5bGUiOnsiJGlkIjoiMjQ0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NDUiLCJNYXJnaW4iOnsiJHJlZiI6IjEwNSJ9LCJQYWRkaW5nIjp7IiRyZWYiOiIxMDYifSwiQmFja2dyb3VuZCI6eyIkaWQiOiIyNDYiLCJDb2xvciI6eyIkaWQiOiIyNDciLCJBIjoyNTUsIlIiOjE1MCwiRyI6MjE0LCJCIjo2Nn19LCJJc1Zpc2libGUiOnRydWUsIldpZHRoIjowLjAsIkhlaWdodCI6MTYuMCwiQm9yZGVyU3R5bGUiOnsiJGlkIjoiMjQ4IiwiTGluZUNvbG9yIjp7IiRyZWYiOiIxMTAifSwiTGluZVdlaWdodCI6MC4wLCJMaW5lVHlwZSI6MCwiUGFyZW50U3R5bGUiOm51bGx9LCJQYXJlbnRTdHlsZSI6bnVsbH0sIlRpdGxlU3R5bGUiOnsiJGlkIjoiMjQ5IiwiRm9udFNldHRpbmdzIjp7IiRpZCI6IjI1M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UxIiwiTGluZUNvbG9yIjpudWxsLCJMaW5lV2VpZ2h0IjowLjAsIkxpbmVUeXBlIjowLCJQYXJlbnRTdHlsZSI6bnVsbH0sIlBhcmVudFN0eWxlIjpudWxsfSwiRGF0ZVN0eWxlIjp7IiRpZCI6IjI1MiIsIkZvbnRTZXR0aW5ncyI6eyIkaWQiOiIyNT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JM0lHRWdNamtnWkdVZ2JtOTJaVzFpY205OVhHeHBNRnh5YVRCY2MyRXdYSE5pTUZ4bWFUQmNjV3hjY0dGeWZRMEtmUTBLZlE9PSIsIkh5cGVybGluayI6eyIkaWQiOiIyNTciLCJBZGRyZXNzIjoiIiwiU3ViQWRkcmVzcyI6IiJ9LCJJc0NoYW5nZWQiOmZhbHNlLCJJc05ldyI6ZmFsc2V9LHsiJGlkIjoiMjU4IiwiR3JvdXBOYW1lIjpudWxsLCJTdGFydERhdGUiOiIyMDIwLTEyLTExVDAwOjAwOjAwWiIsIkVuZERhdGUiOiIyMDIwLTEyLTEzVDAwOjAxOjAwWiIsIlBlcmNlbnRhZ2VDb21wbGV0ZSI6bnVsbCwiU3R5bGUiOnsiJGlkIjoiMjU5IiwiU2hhcGUiOjcsIlNoYXBlVGhpY2tuZXNzIjoxLCJEdXJhdGlvbkZvcm1hdCI6MT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NjIiLCJMaW5lQ29sb3IiOm51bGwsIkxpbmVXZWlnaHQiOjAuMCwiTGluZVR5cGUiOjAsIlBhcmVudFN0eWxlIjpudWxsfSwiUGFyZW50U3R5bGUiOm51bGx9LCJEdXJhdGlvblN0eWxlIjp7IiRpZCI6IjI2MyIsIkZvbnRTZXR0aW5ncyI6eyIkaWQiOiIyNjQ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2NSIsIkxpbmVDb2xvciI6bnVsbCwiTGluZVdlaWdodCI6MC4wLCJMaW5lVHlwZSI6MCwiUGFyZW50U3R5bGUiOm51bGx9LCJQYXJlbnRTdHlsZSI6bnVsbH0sIkhvcml6b250YWxDb25uZWN0b3JTdHlsZSI6eyIkaWQiOiIyNjYiLCJMaW5lQ29sb3IiOnsiJHJlZiI6Ijk5In0sIkxpbmVXZWlnaHQiOjEuMCwiTGluZVR5cGUiOjAsIlBhcmVudFN0eWxlIjpudWxsfSwiVmVydGljYWxDb25uZWN0b3JTdHlsZSI6eyIkaWQiOiIyNjc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2OCIsIk1hcmdpbiI6eyIkcmVmIjoiMTA1In0sIlBhZGRpbmciOnsiJHJlZiI6IjEwNiJ9LCJCYWNrZ3JvdW5kIjp7IiRpZCI6IjI2OSIsIkNvbG9yIjp7IiRpZCI6IjI3MCIsIkEiOjI1NSwiUiI6MjM0LCJHIjoyMiwiQiI6MzB9fSwiSXNWaXNpYmxlIjp0cnVlLCJXaWR0aCI6MC4wLCJIZWlnaHQiOjE2LjAsIkJvcmRlclN0eWxlIjp7IiRpZCI6IjI3MSIsIkxpbmVDb2xvciI6eyIkcmVmIjoiMTEwIn0sIkxpbmVXZWlnaHQiOjAuMCwiTGluZVR5cGUiOjAsIlBhcmVudFN0eWxlIjpudWxsfSwiUGFyZW50U3R5bGUiOm51bGx9LCJUaXRsZVN0eWxlIjp7IiRpZCI6IjI3MiIsIkZvbnRTZXR0aW5ncyI6eyIkaWQiOiIyNzM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3NCIsIkxpbmVDb2xvciI6bnVsbCwiTGluZVdlaWdodCI6MC4wLCJMaW5lVHlwZSI6MCwiUGFyZW50U3R5bGUiOm51bGx9LCJQYXJlbnRTdHlsZSI6bnVsbH0sIkRhdGVTdHlsZSI6eyIkaWQiOiIyNzUiLCJGb250U2V0dGluZ3MiOnsiJGlkIjoiMjc2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DUiLCJMaW5lQ29sb3IiOm51bGwsIkxpbmVXZWlnaHQiOjAuMCwiTGluZVR5cGUiOjAsIlBhcmVudFN0eWxlIjpudWxsfSwiUGFyZW50U3R5bGUiOm51bGx9LCJEdXJhdGlvblN0eWxlIjp7IiRpZCI6IjI4NiIsIkZvbnRTZXR0aW5ncyI6eyIkaWQiOiIyODc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I4OCIsIkxpbmVDb2xvciI6bnVsbCwiTGluZVdlaWdodCI6MC4wLCJMaW5lVHlwZSI6MCwiUGFyZW50U3R5bGUiOm51bGx9LCJQYXJlbnRTdHlsZSI6bnVsbH0sIkhvcml6b250YWxDb25uZWN0b3JTdHlsZSI6eyIkaWQiOiIyODkiLCJMaW5lQ29sb3IiOnsiJHJlZiI6Ijk5In0sIkxpbmVXZWlnaHQiOjEuMCwiTGluZVR5cGUiOjAsIlBhcmVudFN0eWxlIjpudWxsfSwiVmVydGljYWxDb25uZWN0b3JTdHlsZSI6eyIkaWQiOiIyOTA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cmVmIjoiMTE4In0sIklzVmlzaWJsZSI6dHJ1ZSwiV2lkdGgiOjAuMCwiSGVpZ2h0IjowLjAsIkJvcmRlclN0eWxlIjp7IiRpZCI6IjI5NyIsIkxpbmVDb2xvciI6bnVsbCwiTGluZVdlaWdodCI6MC4wLCJMaW5lVHlwZSI6MCwiUGFyZW50U3R5bGUiOm51bGx9LCJQYXJlbnRTdHlsZSI6bnVsbH0sIkRhdGVTdHlsZSI6eyIkaWQiOiIyOTgiLCJGb250U2V0dGluZ3MiOnsiJGlkIjoiMjk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UTJYR3gwY21Ob0lERTRJR0VnTWpBZ1pHVWdaR1Y2WlcxaWNtOTlYR3hwTUZ4eWFUQmNjMkV3WEhOaU1GeG1hVEJjY1d4Y2NHRnlmUTBLZlEwS2ZRPT0iLCJIeXBlcmxpbmsiOnsiJGlkIjoiMzAzIiwiQWRkcmVzcyI6IiIsIlN1YkFkZHJlc3MiOiIifSwiSXNDaGFuZ2VkIjpmYWxzZSwiSXNOZXciOmZhbHNlfSx7IiRpZCI6IjMwNCIsIkdyb3VwTmFtZSI6bnVsbCwiU3RhcnREYXRlIjoiMjAyMS0wMS0wOFQwMDowMDowMFoiLCJFbmREYXRlIjoiMjAyMS0wMS0xMFQyMzo1OTowMFoiLCJQZXJjZW50YWdlQ29tcGxldGUiOm51bGwsIlN0eWxlIjp7IiRpZCI6IjMwNSIsIlNoYXBlIjo3LCJTaGFwZVRoaWNrbmVzcyI6MS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MDgiLCJMaW5lQ29sb3IiOm51bGwsIkxpbmVXZWlnaHQiOjAuMCwiTGluZVR5cGUiOjAsIlBhcmVudFN0eWxlIjpudWxsfSwiUGFyZW50U3R5bGUiOm51bGx9LCJEdXJhdGlvblN0eWxlIjp7IiRpZCI6IjMwOSIsIkZvbnRTZXR0aW5ncyI6eyIkaWQiOiIzMTA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xMSIsIkxpbmVDb2xvciI6bnVsbCwiTGluZVdlaWdodCI6MC4wLCJMaW5lVHlwZSI6MCwiUGFyZW50U3R5bGUiOm51bGx9LCJQYXJlbnRTdHlsZSI6bnVsbH0sIkhvcml6b250YWxDb25uZWN0b3JTdHlsZSI6eyIkaWQiOiIzMTIiLCJMaW5lQ29sb3IiOnsiJHJlZiI6Ijk5In0sIkxpbmVXZWlnaHQiOjEuMCwiTGluZVR5cGUiOjAsIlBhcmVudFN0eWxlIjpudWxsfSwiVmVydGljYWxDb25uZWN0b3JTdHlsZSI6eyIkaWQiOiIzMTM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MxNCIsIk1hcmdpbiI6eyIkcmVmIjoiMTA1In0sIlBhZGRpbmciOnsiJHJlZiI6IjEwNiJ9LCJCYWNrZ3JvdW5kIjp7IiRpZCI6IjMxNSIsIkNvbG9yIjp7IiRpZCI6IjMxNiIsIkEiOjI1NSwiUiI6MjM3LCJHIjoxMjUsIkIiOjQ5fX0sIklzVmlzaWJsZSI6dHJ1ZSwiV2lkdGgiOjAuMCwiSGVpZ2h0IjoxNi4wLCJCb3JkZXJTdHlsZSI6eyIkaWQiOiIzMTciLCJMaW5lQ29sb3IiOnsiJHJlZiI6IjExMCJ9LCJMaW5lV2VpZ2h0IjowLjAsIkxpbmVUeXBlIjowLCJQYXJlbnRTdHlsZSI6bnVsbH0sIlBhcmVudFN0eWxlIjpudWxsfSwiVGl0bGVTdHlsZSI6eyIkaWQiOiIzMTgiLCJGb250U2V0dGluZ3MiOnsiJGlkIjoiMzE5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jAiLCJMaW5lQ29sb3IiOm51bGwsIkxpbmVXZWlnaHQiOjAuMCwiTGluZVR5cGUiOjAsIlBhcmVudFN0eWxlIjpudWxsfSwiUGFyZW50U3R5bGUiOm51bGx9LCJEYXRlU3R5bGUiOnsiJGlkIjoiMzIxIiwiRm9udFNldHRpbmdzIjp7IiRpZCI6IjMyM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MxIiwiTGluZUNvbG9yIjpudWxsLCJMaW5lV2VpZ2h0IjowLjAsIkxpbmVUeXBlIjowLCJQYXJlbnRTdHlsZSI6bnVsbH0sIlBhcmVudFN0eWxlIjpudWxsfSwiRHVyYXRpb25TdHlsZSI6eyIkaWQiOiIzMzIiLCJGb250U2V0dGluZ3MiOnsiJGlkIjoiMzM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zQiLCJMaW5lQ29sb3IiOm51bGwsIkxpbmVXZWlnaHQiOjAuMCwiTGluZVR5cGUiOjAsIlBhcmVudFN0eWxlIjpudWxsfSwiUGFyZW50U3R5bGUiOm51bGx9LCJIb3Jpem9udGFsQ29ubmVjdG9yU3R5bGUiOnsiJGlkIjoiMzM1IiwiTGluZUNvbG9yIjp7IiRyZWYiOiI5OSJ9LCJMaW5lV2VpZ2h0IjoxLjAsIkxpbmVUeXBlIjowLCJQYXJlbnRTdHlsZSI6bnVsbH0sIlZlcnRpY2FsQ29ubmVjdG9yU3R5bGUiOnsiJGlkIjoiMzM2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MzciLCJNYXJnaW4iOnsiJHJlZiI6IjEwNSJ9LCJQYWRkaW5nIjp7IiRyZWYiOiIxMDYifSwiQmFja2dyb3VuZCI6eyIkaWQiOiIzMzgiLCJDb2xvciI6eyIkaWQiOiIzMzkiLCJBIjoyNTUsIlIiOjIzNywiRyI6MTI1LCJCIjo0OX19LCJJc1Zpc2libGUiOnRydWUsIldpZHRoIjowLjAsIkhlaWdodCI6MTYuMCwiQm9yZGVyU3R5bGUiOnsiJGlkIjoiMzQwIiwiTGluZUNvbG9yIjp7IiRyZWYiOiIxMTAifSwiTGluZVdlaWdodCI6MC4wLCJMaW5lVHlwZSI6MCwiUGFyZW50U3R5bGUiOm51bGx9LCJQYXJlbnRTdHlsZSI6bnVsbH0sIlRpdGxlU3R5bGUiOnsiJGlkIjoiMzQxIiwiRm9udFNldHRpbmdzIjp7IiRpZCI6IjM0Mi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QzIiwiTGluZUNvbG9yIjpudWxsLCJMaW5lV2VpZ2h0IjowLjAsIkxpbmVUeXBlIjowLCJQYXJlbnRTdHlsZSI6bnVsbH0sIlBhcmVudFN0eWxlIjpudWxsfSwiRGF0ZVN0eWxlIjp7IiRpZCI6IjM0NCIsIkZvbnRTZXR0aW5ncyI6eyIkaWQiOiIzND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NTciLCJMaW5lQ29sb3IiOm51bGwsIkxpbmVXZWlnaHQiOjAuMCwiTGluZVR5cGUiOjAsIlBhcmVudFN0eWxlIjpudWxsfSwiUGFyZW50U3R5bGUiOm51bGx9LCJIb3Jpem9udGFsQ29ubmVjdG9yU3R5bGUiOnsiJGlkIjoiMzU4IiwiTGluZUNvbG9yIjp7IiRyZWYiOiI5OSJ9LCJMaW5lV2VpZ2h0IjoxLjAsIkxpbmVUeXBlIjowLCJQYXJlbnRTdHlsZSI6bnVsbH0sIlZlcnRpY2FsQ29ubmVjdG9yU3R5bGUiOnsiJGlkIjoiMzU5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zNjAiLCJNYXJnaW4iOnsiJHJlZiI6IjEwNSJ9LCJQYWRkaW5nIjp7IiRyZWYiOiIxMDYifSwiQmFja2dyb3VuZCI6eyIkaWQiOiIzNjEiLCJDb2xvciI6eyIkaWQiOiIzNjIiLCJBIjoyNTUsIlIiOjI1NSwiRyI6MTkyLCJCIjowfX0sIklzVmlzaWJsZSI6dHJ1ZSwiV2lkdGgiOjAuMCwiSGVpZ2h0IjoxNi4wLCJCb3JkZXJTdHlsZSI6eyIkaWQiOiIzNjMiLCJMaW5lQ29sb3IiOnsiJHJlZiI6IjExMCJ9LCJMaW5lV2VpZ2h0IjowLjAsIkxpbmVUeXBlIjowLCJQYXJlbnRTdHlsZSI6bnVsbH0sIlBhcmVudFN0eWxlIjpudWxsfSwiVGl0bGVTdHlsZSI6eyIkaWQiOiIzNjQiLCJGb250U2V0dGluZ3MiOnsiJGlkIjoiMzY1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NjYiLCJMaW5lQ29sb3IiOm51bGwsIkxpbmVXZWlnaHQiOjAuMCwiTGluZVR5cGUiOjAsIlBhcmVudFN0eWxlIjpudWxsfSwiUGFyZW50U3R5bGUiOm51bGx9LCJEYXRlU3R5bGUiOnsiJGlkIjoiMzY3IiwiRm9udFNldHRpbmdzIjp7IiRpZCI6IjM2O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BMUlHRWdNRGNnWkdVZ1ptVjJaWEpsYVhKdklHUmxJREl3TWpGOVhHeHBNRnh5YVRCY2MyRXdYSE5pTUZ4bWFUQmNjV3hjY0dGeWZRMEtmUTBLZlE9PSIsIkh5cGVybGluayI6eyIkaWQiOiIzNzIiLCJBZGRyZXNzIjoiIiwiU3ViQWRkcmVzcyI6IiJ9LCJJc0NoYW5nZWQiOmZhbHNlLCJJc05ldyI6ZmFsc2V9LHsiJGlkIjoiMzczIiwiR3JvdXBOYW1lIjpudWxsLCJTdGFydERhdGUiOiIyMDIxLTAyLTE5VDAwOjAwOjAwWiIsIkVuZERhdGUiOiIyMDIxLTAyLTIxVDIzOjU5OjAwWiIsIlBlcmNlbnRhZ2VDb21wbGV0ZSI6bnVsbCwiU3R5bGUiOnsiJGlkIjoiMzc0IiwiU2hhcGUiOjcsIlNoYXBlVGhpY2tuZXNzIjox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yIsIkxpbmVDb2xvciI6bnVsbCwiTGluZVdlaWdodCI6MC4wLCJMaW5lVHlwZSI6MCwiUGFyZW50U3R5bGUiOm51bGx9LCJQYXJlbnRTdHlsZSI6bnVsbH0sIkR1cmF0aW9uU3R5bGUiOnsiJGlkIjoiMzc4IiwiRm9udFNldHRpbmdzIjp7IiRpZCI6IjM3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wIiwiTGluZUNvbG9yIjpudWxsLCJMaW5lV2VpZ2h0IjowLjAsIkxpbmVUeXBlIjowLCJQYXJlbnRTdHlsZSI6bnVsbH0sIlBhcmVudFN0eWxlIjpudWxsfSwiSG9yaXpvbnRhbENvbm5lY3RvclN0eWxlIjp7IiRpZCI6IjM4MSIsIkxpbmVDb2xvciI6eyIkcmVmIjoiOTkifSwiTGluZVdlaWdodCI6MS4wLCJMaW5lVHlwZSI6MCwiUGFyZW50U3R5bGUiOm51bGx9LCJWZXJ0aWNhbENvbm5lY3RvclN0eWxlIjp7IiRpZCI6IjM4Mi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zgzIiwiTWFyZ2luIjp7IiRyZWYiOiIxMDUifSwiUGFkZGluZyI6eyIkcmVmIjoiMTA2In0sIkJhY2tncm91bmQiOnsiJGlkIjoiMzg0IiwiQ29sb3IiOnsiJGlkIjoiMzg1IiwiQSI6MjU1LCJSIjoyNTUsIkciOjE5MiwiQiI6MH19LCJJc1Zpc2libGUiOnRydWUsIldpZHRoIjowLjAsIkhlaWdodCI6MTYuMCwiQm9yZGVyU3R5bGUiOnsiJGlkIjoiMzg2IiwiTGluZUNvbG9yIjp7IiRyZWYiOiIxMTAifSwiTGluZVdlaWdodCI6MC4wLCJMaW5lVHlwZSI6MCwiUGFyZW50U3R5bGUiOm51bGx9LCJQYXJlbnRTdHlsZSI6bnVsbH0sIlRpdGxlU3R5bGUiOnsiJGlkIjoiMzg3IiwiRm9udFNldHRpbmdzIjp7IiRpZCI6IjM4O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g5IiwiTGluZUNvbG9yIjpudWxsLCJMaW5lV2VpZ2h0IjowLjAsIkxpbmVUeXBlIjowLCJQYXJlbnRTdHlsZSI6bnVsbH0sIlBhcmVudFN0eWxlIjpudWxsfSwiRGF0ZVN0eWxlIjp7IiRpZCI6IjM5MCIsIkZvbnRTZXR0aW5ncyI6eyIkaWQiOiIzOT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wMCIsIlVzZVRpbWUiOmZhbHNlLCJXb3JrRGF5U3RhcnQiOiIwMDowMDowMCIsIldvcmtEYXlFbmQiOiIyMzo1OTowMCJ9LCJMYXN0VXNlZFRlbXBsYXRlSWQiOiI0YjY5ZmIzZS1mYTE5LTQwZTYtYmM4Yy0yNWEwZjkxYTMyOTI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NC4wNi4wMC4wMCIsIkVkaXRpb24iOiJGcmVlIiwiSXNQbHVzRWRpdGlvbiI6ZmFsc2UsIklzUHJvRWRpdGlvbiI6ZmFsc2V9LCJFZmZlY3QiOjE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yLCJBYnNvbHV0ZVBvc2l0aW9uIjo0MDU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Ny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C4wLCJMaW5lVHlwZSI6MCwiUGFyZW50U3R5bGUiOm51bGx9LCJNYXJnaW4iOnsiJGlkIjoiMTMzIiwiVG9wIjowLCJMZWZ0IjowLCJSaWdodCI6MCwiQm90dG9tIjowfSwiUGFkZGluZyI6eyIkaWQiOiIxMzQiLCJUb3AiOjAsIkxlZnQiOjAsIlJpZ2h0IjowLCJCb3R0b20iOjB9LCJCYWNrZ3JvdW5kIjpudWxsLCJJc1Zpc2libGUiOmZhbHN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IwMjEtMTAtMDNUMjM6NTk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10sIlRhc2tzIjpbeyIkaWQiOiIxNjYiLCJHcm91cE5hbWUiOm51bGwsIlN0YXJ0RGF0ZSI6IjIwMjEtMDMtMTJUMDA6MDA6MDAiLCJFbmREYXRlIjoiMjAyMS0wMy0xNFQyMzo1OTowMCIsIlBlcmNlbnRhZ2VDb21wbGV0ZSI6bnVsbCwiU3R5bGUiOnsiJGlkIjoiMTY3IiwiU2hhcGUiOjcsIlNoYXBlVGhpY2tuZXNzIjox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IzNyIsIkNvbG9yIjp7IiRpZCI6IjIzOCIsIkEiOjAsIlIiOjI1NSwiRyI6MjU1LCJCIjoyNTV9fSwiSXNWaXNpYmxlIjp0cnVlLCJXaWR0aCI6MC4wLCJIZWlnaHQiOjAuMCwiQm9yZGVyU3R5bGUiOnsiJGlkIjoiMjM5IiwiTGluZUNvbG9yIjpudWxsLCJMaW5lV2VpZ2h0IjowLjAsIkxpbmVUeXBlIjowLCJQYXJlbnRTdHlsZSI6bnVsbH0sIlBhcmVudFN0eWxlIjpudWxsfSwiRGF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I3OSIsIkNvbG9yIjp7IiRpZCI6IjI4MCIsIkEiOjAsIlIiOjI1NSwiRyI6MjU1LCJCIjoyNTV9fSwiSXNWaXNpYmxlIjp0cnVlLCJXaWR0aCI6MC4wLCJIZWlnaHQiOjAuMCwiQm9yZGVyU3R5bGUiOnsiJGlkIjoiMjgxIiwiTGluZUNvbG9yIjpudWxsLCJMaW5lV2VpZ2h0IjowLjAsIkxpbmVUeXBlIjowLCJQYXJlbnRTdHlsZSI6bnVsbH0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aWQiOiIyODQiLCJDb2xvciI6eyIkaWQiOiIyO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I5NiIsIkxpbmVDb2xvciI6bnVsbCwiTGluZVdlaWdodCI6MC4wLCJMaW5lVHlwZSI6MCwiUGFyZW50U3R5bGUiOm51bGx9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jk5IiwiTGluZUNvbG9yIjpudWxsLCJMaW5lV2VpZ2h0IjowLjAsIkxpbmVUeXBlIjowLCJQYXJlbnRTdHlsZSI6bnVsbH0sIlBhcmVudFN0eWxlIjpudWxsfSwiSG9yaXpvbnRhbENvbm5lY3RvclN0eWxlIjp7IiRpZCI6IjMwMCIsIkxpbmVDb2xvciI6eyIkcmVmIjoiOTkifSwiTGluZVdlaWdodCI6MS4wLCJMaW5lVHlwZSI6MCwiUGFyZW50U3R5bGUiOm51bGx9LCJWZXJ0aWNhbENvbm5lY3RvclN0eWxlIjp7IiRpZCI6IjMwMS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UTJYR3gwY21Ob0lERTJJR0VnTVRnZ1pHVWdZV0p5YVd4OVhHeHBNRnh5YVRCY2MyRXdYSE5pTUZ4bWFUQmNjV3hjY0dGeWZRMEtmUTBLZlE9PSIsIkh5cGVybGluayI6eyIkaWQiOiIzMjQiLCJBZGRyZXNzIjoiIiwiU3ViQWRkcmVzcyI6IiJ9LCJJc0NoYW5nZWQiOmZhbHNlLCJJc05ldyI6ZmFsc2V9LHsiJGlkIjoiMzI1IiwiR3JvdXBOYW1lIjpudWxsLCJTdGFydERhdGUiOiIyMDIxLTA1LTE0VDAwOjAwOjAwWiIsIkVuZERhdGUiOiIyMDIxLTA1LTE2VDIzOjU5OjAwWiIsIlBlcmNlbnRhZ2VDb21wbGV0ZSI6bnVsbCwiU3R5bGUiOnsiJGlkIjoiMzI2IiwiU2hhcGUiOjcsIlNoYXBlVGhpY2tuZXNzIjox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yOSIsIkxpbmVDb2xvciI6bnVsbCwiTGluZVdlaWdodCI6MC4wLCJMaW5lVHlwZSI6MCwiUGFyZW50U3R5bGUiOm51bGx9LCJQYXJlbnRTdHlsZSI6bnVsbH0sIkR1cmF0aW9uU3R5bGUiOnsiJGlkIjoiMzMwIiwiRm9udFNldHRpbmdzIjp7IiRpZCI6IjMzM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MyIiwiTGluZUNvbG9yIjpudWxsLCJMaW5lV2VpZ2h0IjowLjAsIkxpbmVUeXBlIjowLCJQYXJlbnRTdHlsZSI6bnVsbH0sIlBhcmVudFN0eWxlIjpudWxsfSwiSG9yaXpvbnRhbENvbm5lY3RvclN0eWxlIjp7IiRpZCI6IjMzMyIsIkxpbmVDb2xvciI6eyIkcmVmIjoiOTkifSwiTGluZVdlaWdodCI6MS4wLCJMaW5lVHlwZSI6MCwiUGFyZW50U3R5bGUiOm51bGx9LCJWZXJ0aWNhbENvbm5lY3RvclN0eWxlIjp7IiRpZCI6IjMzNC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zNDMiLCJDb2xvciI6eyIkaWQiOiIzNDQiLCJBIjowLCJSIjoyNTUsIkciOjI1NSwiQiI6MjU1fX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wLCJGb250TmFtZSI6IkNhbGlicmkiLCJJc0JvbGQiOmZhbHNlLCJJc0l0YWxpYyI6ZmFsc2UsIklzVW5kZXJsaW5lZCI6ZmFsc2UsIlBhcmVudFN0eWxlIjpudWxsfSwiQXV0b1NpemUiOjAsIkZvcmVncm91bmQiOnsiJGlkIjoiMzQ4IiwiQ29sb3IiOnsiJGlkIjoiMz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NjAiLCJMaW5lQ29sb3IiOm51bGwsIkxpbmVXZWlnaHQiOjAuMCwiTGluZVR5cGUiOjAsIlBhcmVudFN0eWxlIjpudWxsfSwiUGFyZW50U3R5bGUiOm51bGx9LCJEdXJhdGlvblN0eWxlIjp7IiRpZCI6IjM2MSIsIkZvbnRTZXR0aW5ncyI6eyIkaWQiOiIzNj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2MyIsIkxpbmVDb2xvciI6bnVsbCwiTGluZVdlaWdodCI6MC4wLCJMaW5lVHlwZSI6MCwiUGFyZW50U3R5bGUiOm51bGx9LCJQYXJlbnRTdHlsZSI6bnVsbH0sIkhvcml6b250YWxDb25uZWN0b3JTdHlsZSI6eyIkaWQiOiIzNjQiLCJMaW5lQ29sb3IiOnsiJHJlZiI6Ijk5In0sIkxpbmVXZWlnaHQiOjEuMCwiTGluZVR5cGUiOjAsIlBhcmVudFN0eWxlIjpudWxsfSwiVmVydGljYWxDb25uZWN0b3JTdHlsZSI6eyIkaWQiOiIzNjU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zOTEiLCJMaW5lQ29sb3IiOm51bGwsIkxpbmVXZWlnaHQiOjAuMCwiTGluZVR5cGUiOjAsIlBhcmVudFN0eWxlIjpudWxsfSwiUGFyZW50U3R5bGUiOm51bGx9LCJEdXJhdGlvblN0eWxlIjp7IiRpZCI6IjM5MiIsIkZvbnRTZXR0aW5ncyI6eyIkaWQiOiIzOTM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5NCIsIkxpbmVDb2xvciI6bnVsbCwiTGluZVdlaWdodCI6MC4wLCJMaW5lVHlwZSI6MCwiUGFyZW50U3R5bGUiOm51bGx9LCJQYXJlbnRTdHlsZSI6bnVsbH0sIkhvcml6b250YWxDb25uZWN0b3JTdHlsZSI6eyIkaWQiOiIzOTUiLCJMaW5lQ29sb3IiOnsiJHJlZiI6Ijk5In0sIkxpbmVXZWlnaHQiOjEuMCwiTGluZVR5cGUiOjAsIlBhcmVudFN0eWxlIjpudWxsfSwiVmVydGljYWxDb25uZWN0b3JTdHlsZSI6eyIkaWQiOiIzOTY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QyMiIsIkxpbmVDb2xvciI6bnVsbCwiTGluZVdlaWdodCI6MC4wLCJMaW5lVHlwZSI6MCwiUGFyZW50U3R5bGUiOm51bGx9LCJQYXJlbnRTdHlsZSI6bnVsbH0sIkR1cmF0aW9uU3R5bGUiOnsiJGlkIjoiNDIzIiwiRm9udFNldHRpbmdzIjp7IiRpZCI6IjQyNC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NDI1IiwiTGluZUNvbG9yIjpudWxsLCJMaW5lV2VpZ2h0IjowLjAsIkxpbmVUeXBlIjowLCJQYXJlbnRTdHlsZSI6bnVsbH0sIlBhcmVudFN0eWxlIjpudWxsfSwiSG9yaXpvbnRhbENvbm5lY3RvclN0eWxlIjp7IiRpZCI6IjQyNiIsIkxpbmVDb2xvciI6eyIkcmVmIjoiOTkifSwiTGluZVdlaWdodCI6MS4wLCJMaW5lVHlwZSI6MCwiUGFyZW50U3R5bGUiOm51bGx9LCJWZXJ0aWNhbENvbm5lY3RvclN0eWxlIjp7IiRpZCI6IjQyNy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0NTMiLCJMaW5lQ29sb3IiOm51bGwsIkxpbmVXZWlnaHQiOjAuMCwiTGluZVR5cGUiOjAsIlBhcmVudFN0eWxlIjpudWxsfSwiUGFyZW50U3R5bGUiOm51bGx9LCJEdXJhdGlvblN0eWxlIjp7IiRpZCI6IjQ1NCIsIkZvbnRTZXR0aW5ncyI6eyIkaWQiOiI0N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Q1NiIsIkxpbmVDb2xvciI6bnVsbCwiTGluZVdlaWdodCI6MC4wLCJMaW5lVHlwZSI6MCwiUGFyZW50U3R5bGUiOm51bGx9LCJQYXJlbnRTdHlsZSI6bnVsbH0sIkhvcml6b250YWxDb25uZWN0b3JTdHlsZSI6eyIkaWQiOiI0NTciLCJMaW5lQ29sb3IiOnsiJHJlZiI6Ijk5In0sIkxpbmVXZWlnaHQiOjEuMCwiTGluZVR5cGUiOjAsIlBhcmVudFN0eWxlIjpudWxsfSwiVmVydGljYWxDb25uZWN0b3JTdHlsZSI6eyIkaWQiOiI0NTg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NDg0IiwiTGluZUNvbG9yIjpudWxsLCJMaW5lV2VpZ2h0IjowLjAsIkxpbmVUeXBlIjowLCJQYXJlbnRTdHlsZSI6bnVsbH0sIlBhcmVudFN0eWxlIjpudWxsfSwiRHVyYXRpb25TdHlsZSI6eyIkaWQiOiI0ODUiLCJGb250U2V0dGluZ3MiOnsiJGlkIjoiNDg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0ODciLCJMaW5lQ29sb3IiOm51bGwsIkxpbmVXZWlnaHQiOjAuMCwiTGluZVR5cGUiOjAsIlBhcmVudFN0eWxlIjpudWxsfSwiUGFyZW50U3R5bGUiOm51bGx9LCJIb3Jpem9udGFsQ29ubmVjdG9yU3R5bGUiOnsiJGlkIjoiNDg4IiwiTGluZUNvbG9yIjp7IiRyZWYiOiI5OSJ9LCJMaW5lV2VpZ2h0IjoxLjAsIkxpbmVUeXBlIjowLCJQYXJlbnRTdHlsZSI6bnVsbH0sIlZlcnRpY2FsQ29ubmVjdG9yU3R5bGUiOnsiJGlkIjoiNDg5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1NDQ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Months"/>
  <p:tag name="OTLTIMEBANDSCALEFORMAT" val="MMM"/>
  <p:tag name="OTLTIMEBANDQUICKPOSITION" val="Bottom"/>
  <p:tag name="OTLTIMEBANDSHAPETYPE" val="ModernTimeband"/>
  <p:tag name="OTLTIMEBANDTHREEDEFFECTS" val="Gel"/>
  <p:tag name="OTLTIMEBANDAUTODATERANGE" val="True"/>
  <p:tag name="OTLTIMEBANDSTARTDATE" val="0001-01-01T00:00:00.0000000"/>
  <p:tag name="OTLTIMEBANDENDDATE" val="2021-10-03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Bottom"/>
  <p:tag name="OTLTIMEBANDSHAPETYPE" val="Modern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SCALETYPE" val="Months"/>
  <p:tag name="OTLTIMEBANDSCALEFORMAT" val="MMM"/>
  <p:tag name="OTLTIMEBANDENDDATE" val="2021-02-21T23:59:00.0000000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12T00:00:00.0000000"/>
  <p:tag name="OTLENDDATE" val="2021-03-14T23:59:00.0000000"/>
  <p:tag name="OTLDURATIONFORMAT" val="day"/>
  <p:tag name="OTLSPACING" val="5"/>
  <p:tag name="OTLSHAPETHICKNESSTYPE" val="Regular"/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6T00:00:00.0000000"/>
  <p:tag name="OTLENDDATE" val="2021-03-28T23:59:00.0000000"/>
  <p:tag name="OTLDURATIONFORMAT" val="day"/>
  <p:tag name="OTLSPACING" val="5"/>
  <p:tag name="OTLSHAPETHICKNESSTYPE" val="Regular"/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9T00:00:00.0000000"/>
  <p:tag name="OTLENDDATE" val="2021-04-11T23:59:00.0000000"/>
  <p:tag name="OTLDURATIONFORMAT" val="day"/>
  <p:tag name="OTLSPACING" val="5"/>
  <p:tag name="OTLSHAPETHICKNESSTYPE" val="Regular"/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16T00:00:00.0000000Z"/>
  <p:tag name="OTLENDDATE" val="2021-04-18T23:59:00.0000000Z"/>
  <p:tag name="OTLDURATIONFORMAT" val="day"/>
  <p:tag name="OTLSPACING" val="5"/>
  <p:tag name="OTLSHAPETHICKNESSTYPE" val="Regular"/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4T00:00:00.0000000Z"/>
  <p:tag name="OTLENDDATE" val="2021-05-16T23:59:00.0000000Z"/>
  <p:tag name="OTLDURATIONFORMAT" val="day"/>
  <p:tag name="OTLSPACING" val="5"/>
  <p:tag name="OTLSHAPETHICKNESSTYPE" val="Regular"/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1T00:00:00.0000000Z"/>
  <p:tag name="OTLENDDATE" val="2021-06-13T23:59:00.0000000Z"/>
  <p:tag name="OTLDURATIONFORMAT" val="day"/>
  <p:tag name="OTLSPACING" val="5"/>
  <p:tag name="OTLSHAPETHICKNESSTYPE" val="Regular"/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16T00:00:00.0000000Z"/>
  <p:tag name="OTLENDDATE" val="2021-07-18T23:59:00.0000000Z"/>
  <p:tag name="OTLDURATIONFORMAT" val="day"/>
  <p:tag name="OTLSPACING" val="5"/>
  <p:tag name="OTLSHAPETHICKNESSTYPE" val="Regular"/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3T00:00:00.0000000Z"/>
  <p:tag name="OTLENDDATE" val="2021-08-15T23:59:00.0000000Z"/>
  <p:tag name="OTLDURATIONFORMAT" val="day"/>
  <p:tag name="OTLSPACING" val="5"/>
  <p:tag name="OTLSHAPETHICKNESSTYPE" val="Regular"/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10T00:00:00.0000000Z"/>
  <p:tag name="OTLENDDATE" val="2021-09-12T23:59:00.0000000Z"/>
  <p:tag name="OTLDURATIONFORMAT" val="day"/>
  <p:tag name="OTLSPACING" val="5"/>
  <p:tag name="OTLSHAPETHICKNESSTYPE" val="Regular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01T00:00:00.0000000Z"/>
  <p:tag name="OTLENDDATE" val="2021-10-03T23:59:00.0000000Z"/>
  <p:tag name="OTLDURATIONFORMAT" val="day"/>
  <p:tag name="OTLSPACING" val="5"/>
  <p:tag name="OTLSHAPETHICKNESSTYPE" val="Regular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SIsIk9yaWdpbmFsQXNzZW1ibHlWZXJzaW9uIjoiNC4wNi4wMC4wMCIsIkVkaXRpb24iOiJGcmVlIiwiSXNQbHVzRWRpdGlvbiI6ZmFsc2UsIklzUHJvRWRpdGlvbiI6ZmFsc2V9LCJFZmZlY3QiOjEsIlN0eWxlIjp7IiRpZCI6IjMiLCJUaW1lYmFuZFN0eWxlIjp7IiRpZCI6IjQiLCJTY2FsZU1hcmtpbmciOjAsIlNoYXBlIjo2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M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NywiU2hhcGVUaGlja25lc3MiOjEsIkR1cmF0aW9uRm9ybWF0IjowLCJJbmNsdWRlTm9uV29ya2luZ0RheXNJbkR1cmF0aW9uIjpmYWxzZSwiUGVyY2VudGFnZUNvbXBsZXRlU3R5bGUiOnsiJGlkIjoiODQiLCJGb250U2V0dGluZ3MiOnsiJGlkIjoiODUiLCJGb250U2l6ZSI6MTAsIkZvbnROYW1lIjoiQ2FsaWJyaSIsIklzQm9sZCI6ZmFsc2UsIklzSXRhbGljIjpmYWxzZSwiSXNVbmRlcmxpbmVkIjpmYWxzZSwiUGFyZW50U3R5bGUiOm51bGx9LCJBdXRvU2l6ZSI6MCwiRm9yZWdyb3VuZCI6eyIkaWQiOiI4NiIsIkNvbG9yIjp7IiRpZCI6Ijg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5MSwiRyI6MTU1LCJCIjoyMTN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xNzAiLCJMaW5lQ29sb3IiOm51bGwsIkxpbmVXZWlnaHQiOjAuMCwiTGluZVR5cGUiOjAsIlBhcmVudFN0eWxlIjpudWxsfSwiUGFyZW50U3R5bGUiOm51bGx9LCJEdXJhdGlvblN0eWxlIjp7IiRpZCI6IjE3MSIsIkZvbnRTZXR0aW5ncyI6eyIkaWQiOiIxNzI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E3MyIsIkxpbmVDb2xvciI6bnVsbCwiTGluZVdlaWdodCI6MC4wLCJMaW5lVHlwZSI6MCwiUGFyZW50U3R5bGUiOm51bGx9LCJQYXJlbnRTdHlsZSI6bnVsbH0sIkhvcml6b250YWxDb25uZWN0b3JTdHlsZSI6eyIkaWQiOiIxNzQiLCJMaW5lQ29sb3IiOnsiJHJlZiI6Ijk5In0sIkxpbmVXZWlnaHQiOjEuMCwiTGluZVR5cGUiOjAsIlBhcmVudFN0eWxlIjpudWxsfSwiVmVydGljYWxDb25uZWN0b3JTdHlsZSI6eyIkaWQiOiIxNzU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3NiIsIk1hcmdpbiI6eyIkcmVmIjoiMTA1In0sIlBhZGRpbmciOnsiJHJlZiI6IjEwNiJ9LCJCYWNrZ3JvdW5kIjp7IiRpZCI6IjE3NyIsIkNvbG9yIjp7IiRpZCI6IjE3OCIsIkEiOjI1NSwiUiI6NjgsIkciOjExNCwiQiI6MTk2fX0sIklzVmlzaWJsZSI6dHJ1ZSwiV2lkdGgiOjAuMCwiSGVpZ2h0IjoxNi4wLCJCb3JkZXJTdHlsZSI6eyIkaWQiOiIxNzkiLCJMaW5lQ29sb3IiOnsiJHJlZiI6IjExMCJ9LCJMaW5lV2VpZ2h0IjowLjAsIkxpbmVUeXBlIjowLCJQYXJlbnRTdHlsZSI6bnVsbH0sIlBhcmVudFN0eWxlIjpudWxsfSwiVGl0bGVTdHlsZSI6eyIkaWQiOiIxODAiLCJGb250U2V0dGluZ3MiOnsiJGlkIjoiMTgx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E5MyIsIkxpbmVDb2xvciI6bnVsbCwiTGluZVdlaWdodCI6MC4wLCJMaW5lVHlwZSI6MCwiUGFyZW50U3R5bGUiOm51bGx9LCJQYXJlbnRTdHlsZSI6bnVsbH0sIkR1cmF0aW9uU3R5bGUiOnsiJGlkIjoiMTk0IiwiRm9udFNldHRpbmdzIjp7IiRpZCI6IjE5N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Tk2IiwiTGluZUNvbG9yIjpudWxsLCJMaW5lV2VpZ2h0IjowLjAsIkxpbmVUeXBlIjowLCJQYXJlbnRTdHlsZSI6bnVsbH0sIlBhcmVudFN0eWxlIjpudWxsfSwiSG9yaXpvbnRhbENvbm5lY3RvclN0eWxlIjp7IiRpZCI6IjE5NyIsIkxpbmVDb2xvciI6eyIkcmVmIjoiOTkifSwiTGluZVdlaWdodCI6MS4wLCJMaW5lVHlwZSI6MCwiUGFyZW50U3R5bGUiOm51bGx9LCJWZXJ0aWNhbENvbm5lY3RvclN0eWxlIjp7IiRpZCI6IjE5OC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A1IiwiTGluZUNvbG9yIjpudWxsLCJMaW5lV2VpZ2h0IjowLjAsIkxpbmVUeXBlIjowLCJQYXJlbnRTdHlsZSI6bnVsbH0sIlBhcmVudFN0eWxlIjpudWxsfSwiRGF0ZVN0eWxlIjp7IiRpZCI6IjIwNiIsIkZvbnRTZXR0aW5ncyI6eyIkaWQiOiIyMD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IxNiIsIlVzZVRpbWUiOmZhbHNlLCJXb3JrRGF5U3RhcnQiOiIwMDowMDowMCIsIldvcmtEYXlFbmQiOiIyMzo1OTowMCJ9LCJMYXN0VXNlZFRlbXBsYXRlSWQiOiI0YjY5ZmIzZS1mYTE5LTQwZTYtYmM4Yy0yNWEwZjkxYTMyOTIiLCJGaXJzdFdlZWtPZlllYXIiOjB9"/>
  <p:tag name="__MASTER" val="__part_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Bottom"/>
  <p:tag name="OTLTIMEBANDSHAPETYPE" val="ModernTimeband"/>
  <p:tag name="OTLTIMEBANDTHREEDEFFECTS" val="Gel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SCALETYPE" val="Months"/>
  <p:tag name="OTLTIMEBANDSCALEFORMAT" val="MMM"/>
  <p:tag name="OTLMARKERSHAPE" val="OTL"/>
  <p:tag name="OTLTIMEBANDENDDATE" val="2021-12-12T23:59:00.0000000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MARKERSHAPE" val="OTL"/>
  <p:tag name="OTLSTARTDATE" val="2021-11-05T00:00:00.0000000Z"/>
  <p:tag name="OTLENDDATE" val="2021-11-07T23:59:00.0000000Z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minutes"/>
  <p:tag name="OTLSPACING" val="5"/>
  <p:tag name="OTLSHAPETHICKNESSTYPE" val="Regular"/>
  <p:tag name="OTLMARKERSHAPE" val="OTL"/>
  <p:tag name="OTLSTARTDATE" val="2021-12-10T23:59:00.0000000Z"/>
  <p:tag name="OTLENDDATE" val="2021-12-12T23:59:00.0000000Z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02T00:00:00.0000000Z"/>
  <p:tag name="OTLENDDATE" val="2020-10-04T23:59:00.0000000Z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0-16T23:59:00.0000000Z"/>
  <p:tag name="OTLENDDATE" val="2020-10-18T23:59:00.0000000Z"/>
  <p:tag name="OTLDURATIONFORMAT" val="minutes"/>
  <p:tag name="OTLSPACING" val="5"/>
  <p:tag name="OTLSHAPETHICKNESSTYPE" val="Regular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06T23:59:00.0000000Z"/>
  <p:tag name="OTLENDDATE" val="2020-11-08T00:00:00.0000000Z"/>
  <p:tag name="OTLDURATIONFORMAT" val="minutes"/>
  <p:tag name="OTLSPACING" val="5"/>
  <p:tag name="OTLSHAPETHICKNESSTYPE" val="Regular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1-27T23:59:00.0000000Z"/>
  <p:tag name="OTLENDDATE" val="2020-11-29T00:00:00.0000000Z"/>
  <p:tag name="OTLDURATIONFORMAT" val="minutes"/>
  <p:tag name="OTLSPACING" val="5"/>
  <p:tag name="OTLSHAPETHICKNESSTYPE" val="Regular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11T00:00:00.0000000Z"/>
  <p:tag name="OTLENDDATE" val="2020-12-13T00:01:00.0000000Z"/>
  <p:tag name="OTLDURATIONFORMAT" val="minutes"/>
  <p:tag name="OTLSPACING" val="5"/>
  <p:tag name="OTLSHAPETHICKNESSTYPE" val="Regular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18T00:00:00.0000000Z"/>
  <p:tag name="OTLENDDATE" val="2020-12-20T23:59:00.0000000Z"/>
  <p:tag name="OTLDURATIONFORMAT" val="day"/>
  <p:tag name="OTLSPACING" val="5"/>
  <p:tag name="OTLSHAPETHICKNESSTYPE" val="Regular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8T00:00:00.0000000Z"/>
  <p:tag name="OTLENDDATE" val="2021-01-10T23:59:00.0000000Z"/>
  <p:tag name="OTLDURATIONFORMAT" val="day"/>
  <p:tag name="OTLSPACING" val="5"/>
  <p:tag name="OTLSHAPETHICKNESSTYPE" val="Regular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29T00:00:00.0000000Z"/>
  <p:tag name="OTLENDDATE" val="2021-01-31T23:59:00.0000000Z"/>
  <p:tag name="OTLDURATIONFORMAT" val="day"/>
  <p:tag name="OTLSPACING" val="5"/>
  <p:tag name="OTLSHAPETHICKNESSTYPE" val="Regular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5T00:00:00.0000000Z"/>
  <p:tag name="OTLENDDATE" val="2021-02-07T23:59:00.0000000Z"/>
  <p:tag name="OTLDURATIONFORMAT" val="day"/>
  <p:tag name="OTLSPACING" val="5"/>
  <p:tag name="OTLSHAPETHICKNESSTYPE" val="Regular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9T00:00:00.0000000Z"/>
  <p:tag name="OTLENDDATE" val="2021-02-21T23:59:00.0000000Z"/>
  <p:tag name="OTLDURATIONFORMAT" val="day"/>
  <p:tag name="OTLSPACING" val="5"/>
  <p:tag name="OTLSHAPETHICKNESSTYPE" val="Regular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o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0</TotalTime>
  <Words>265</Words>
  <Application>Microsoft Office PowerPoint</Application>
  <PresentationFormat>Widescreen</PresentationFormat>
  <Paragraphs>91</Paragraphs>
  <Slides>3</Slides>
  <Notes>0</Notes>
  <HiddenSlides>0</HiddenSlides>
  <MMClips>0</MMClips>
  <ScaleCrop>false</ScaleCrop>
  <HeadingPairs>
    <vt:vector size="6" baseType="variant">
      <vt:variant>
        <vt:lpstr>Fontes usadas</vt:lpstr>
      </vt:variant>
      <vt:variant>
        <vt:i4>3</vt:i4>
      </vt:variant>
      <vt:variant>
        <vt:lpstr>Tema</vt:lpstr>
      </vt:variant>
      <vt:variant>
        <vt:i4>1</vt:i4>
      </vt:variant>
      <vt:variant>
        <vt:lpstr>Títulos de slides</vt:lpstr>
      </vt:variant>
      <vt:variant>
        <vt:i4>3</vt:i4>
      </vt:variant>
    </vt:vector>
  </HeadingPairs>
  <TitlesOfParts>
    <vt:vector size="7" baseType="lpstr">
      <vt:lpstr>Arial</vt:lpstr>
      <vt:lpstr>Calibri</vt:lpstr>
      <vt:lpstr>Calibri Light</vt:lpstr>
      <vt:lpstr>Tema do Office</vt:lpstr>
      <vt:lpstr>Apresentação do PowerPoint</vt:lpstr>
      <vt:lpstr>Apresentação do PowerPoint</vt:lpstr>
      <vt:lpstr>Apresentação do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presentação do PowerPoint</dc:title>
  <dc:creator>Daniel Vasques</dc:creator>
  <cp:lastModifiedBy>Daniel Vasques</cp:lastModifiedBy>
  <cp:revision>5</cp:revision>
  <dcterms:created xsi:type="dcterms:W3CDTF">2020-08-19T12:18:31Z</dcterms:created>
  <dcterms:modified xsi:type="dcterms:W3CDTF">2020-08-19T13:29:22Z</dcterms:modified>
</cp:coreProperties>
</file>